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3"/>
  </p:sldMasterIdLst>
  <p:sldIdLst>
    <p:sldId id="257" r:id="rId4"/>
    <p:sldId id="263" r:id="rId5"/>
    <p:sldId id="258" r:id="rId6"/>
    <p:sldId id="262" r:id="rId7"/>
    <p:sldId id="260" r:id="rId8"/>
    <p:sldId id="286" r:id="rId9"/>
    <p:sldId id="264" r:id="rId10"/>
    <p:sldId id="265" r:id="rId11"/>
    <p:sldId id="266" r:id="rId12"/>
    <p:sldId id="267" r:id="rId13"/>
    <p:sldId id="268" r:id="rId14"/>
    <p:sldId id="274" r:id="rId15"/>
    <p:sldId id="275" r:id="rId16"/>
    <p:sldId id="276" r:id="rId17"/>
    <p:sldId id="278" r:id="rId18"/>
    <p:sldId id="279" r:id="rId19"/>
    <p:sldId id="256" r:id="rId20"/>
    <p:sldId id="285" r:id="rId21"/>
    <p:sldId id="287" r:id="rId22"/>
    <p:sldId id="288" r:id="rId23"/>
    <p:sldId id="259" r:id="rId24"/>
    <p:sldId id="289" r:id="rId2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4" autoAdjust="0"/>
    <p:restoredTop sz="94694"/>
  </p:normalViewPr>
  <p:slideViewPr>
    <p:cSldViewPr snapToGrid="0" snapToObjects="1">
      <p:cViewPr varScale="1">
        <p:scale>
          <a:sx n="82" d="100"/>
          <a:sy n="82" d="100"/>
        </p:scale>
        <p:origin x="894" y="84"/>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slide" Target="slides/slide10.xml"/><Relationship Id="rId18" Type="http://schemas.openxmlformats.org/officeDocument/2006/relationships/slide" Target="slides/slide15.xml"/><Relationship Id="rId26" Type="http://schemas.openxmlformats.org/officeDocument/2006/relationships/presProps" Target="presProps.xml"/><Relationship Id="rId3" Type="http://schemas.openxmlformats.org/officeDocument/2006/relationships/slideMaster" Target="slideMasters/slideMaster1.xml"/><Relationship Id="rId21" Type="http://schemas.openxmlformats.org/officeDocument/2006/relationships/slide" Target="slides/slide18.xml"/><Relationship Id="rId7" Type="http://schemas.openxmlformats.org/officeDocument/2006/relationships/slide" Target="slides/slide4.xml"/><Relationship Id="rId12" Type="http://schemas.openxmlformats.org/officeDocument/2006/relationships/slide" Target="slides/slide9.xml"/><Relationship Id="rId17" Type="http://schemas.openxmlformats.org/officeDocument/2006/relationships/slide" Target="slides/slide14.xml"/><Relationship Id="rId25" Type="http://schemas.openxmlformats.org/officeDocument/2006/relationships/slide" Target="slides/slide22.xml"/><Relationship Id="rId2" Type="http://schemas.openxmlformats.org/officeDocument/2006/relationships/customXml" Target="../customXml/item2.xml"/><Relationship Id="rId16" Type="http://schemas.openxmlformats.org/officeDocument/2006/relationships/slide" Target="slides/slide13.xml"/><Relationship Id="rId20" Type="http://schemas.openxmlformats.org/officeDocument/2006/relationships/slide" Target="slides/slide17.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slide" Target="slides/slide8.xml"/><Relationship Id="rId24" Type="http://schemas.openxmlformats.org/officeDocument/2006/relationships/slide" Target="slides/slide21.xml"/><Relationship Id="rId5" Type="http://schemas.openxmlformats.org/officeDocument/2006/relationships/slide" Target="slides/slide2.xml"/><Relationship Id="rId15" Type="http://schemas.openxmlformats.org/officeDocument/2006/relationships/slide" Target="slides/slide12.xml"/><Relationship Id="rId23" Type="http://schemas.openxmlformats.org/officeDocument/2006/relationships/slide" Target="slides/slide20.xml"/><Relationship Id="rId28" Type="http://schemas.openxmlformats.org/officeDocument/2006/relationships/theme" Target="theme/theme1.xml"/><Relationship Id="rId10" Type="http://schemas.openxmlformats.org/officeDocument/2006/relationships/slide" Target="slides/slide7.xml"/><Relationship Id="rId19" Type="http://schemas.openxmlformats.org/officeDocument/2006/relationships/slide" Target="slides/slide16.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slide" Target="slides/slide11.xml"/><Relationship Id="rId22" Type="http://schemas.openxmlformats.org/officeDocument/2006/relationships/slide" Target="slides/slide19.xml"/><Relationship Id="rId27" Type="http://schemas.openxmlformats.org/officeDocument/2006/relationships/viewProps" Target="viewProps.xml"/></Relationships>
</file>

<file path=ppt/diagrams/colors1.xml><?xml version="1.0" encoding="utf-8"?>
<dgm:colorsDef xmlns:dgm="http://schemas.openxmlformats.org/drawingml/2006/diagram" xmlns:a="http://schemas.openxmlformats.org/drawingml/2006/main" uniqueId="urn:microsoft.com/office/officeart/2005/8/colors/colorful5">
  <dgm:title val=""/>
  <dgm:desc val=""/>
  <dgm:catLst>
    <dgm:cat type="colorful" pri="10500"/>
  </dgm:catLst>
  <dgm:styleLbl name="node0">
    <dgm:fillClrLst meth="repeat">
      <a:schemeClr val="accent4"/>
    </dgm:fillClrLst>
    <dgm:linClrLst meth="repeat">
      <a:schemeClr val="lt1"/>
    </dgm:linClrLst>
    <dgm:effectClrLst/>
    <dgm:txLinClrLst/>
    <dgm:txFillClrLst/>
    <dgm:txEffectClrLst/>
  </dgm:styleLbl>
  <dgm:styleLbl name="node1">
    <dgm:fillClrLst>
      <a:schemeClr val="accent5"/>
      <a:schemeClr val="accent6"/>
    </dgm:fillClrLst>
    <dgm:linClrLst meth="repeat">
      <a:schemeClr val="lt1"/>
    </dgm:linClrLst>
    <dgm:effectClrLst/>
    <dgm:txLinClrLst/>
    <dgm:txFillClrLst/>
    <dgm:txEffectClrLst/>
  </dgm:styleLbl>
  <dgm:styleLbl name="alignNode1">
    <dgm:fillClrLst>
      <a:schemeClr val="accent5"/>
      <a:schemeClr val="accent6"/>
    </dgm:fillClrLst>
    <dgm:linClrLst>
      <a:schemeClr val="accent5"/>
      <a:schemeClr val="accent6"/>
    </dgm:linClrLst>
    <dgm:effectClrLst/>
    <dgm:txLinClrLst/>
    <dgm:txFillClrLst/>
    <dgm:txEffectClrLst/>
  </dgm:styleLbl>
  <dgm:styleLbl name="lnNode1">
    <dgm:fillClrLst>
      <a:schemeClr val="accent5"/>
      <a:schemeClr val="accent6"/>
    </dgm:fillClrLst>
    <dgm:linClrLst meth="repeat">
      <a:schemeClr val="lt1"/>
    </dgm:linClrLst>
    <dgm:effectClrLst/>
    <dgm:txLinClrLst/>
    <dgm:txFillClrLst/>
    <dgm:txEffectClrLst/>
  </dgm:styleLbl>
  <dgm:styleLbl name="vennNode1">
    <dgm:fillClrLst>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6"/>
    </dgm:fillClrLst>
    <dgm:linClrLst meth="repeat">
      <a:schemeClr val="lt1"/>
    </dgm:linClrLst>
    <dgm:effectClrLst/>
    <dgm:txLinClrLst/>
    <dgm:txFillClrLst/>
    <dgm:txEffectClrLst/>
  </dgm:styleLbl>
  <dgm:styleLbl name="node3">
    <dgm:fillClrLst>
      <a:schemeClr val="accent1"/>
    </dgm:fillClrLst>
    <dgm:linClrLst meth="repeat">
      <a:schemeClr val="lt1"/>
    </dgm:linClrLst>
    <dgm:effectClrLst/>
    <dgm:txLinClrLst/>
    <dgm:txFillClrLst/>
    <dgm:txEffectClrLst/>
  </dgm:styleLbl>
  <dgm:styleLbl name="node4">
    <dgm:fillClrLst>
      <a:schemeClr val="accent2"/>
    </dgm:fillClrLst>
    <dgm:linClrLst meth="repeat">
      <a:schemeClr val="lt1"/>
    </dgm:linClrLst>
    <dgm:effectClrLst/>
    <dgm:txLinClrLst/>
    <dgm:txFillClrLst/>
    <dgm:txEffectClrLst/>
  </dgm:styleLbl>
  <dgm:styleLbl name="fgImgPlace1">
    <dgm:fillClrLst>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5"/>
      <a:schemeClr val="accent6"/>
    </dgm:fillClrLst>
    <dgm:linClrLst meth="repeat">
      <a:schemeClr val="lt1"/>
    </dgm:linClrLst>
    <dgm:effectClrLst/>
    <dgm:txLinClrLst/>
    <dgm:txFillClrLst/>
    <dgm:txEffectClrLst/>
  </dgm:styleLbl>
  <dgm:styleLbl name="fgSibTrans2D1">
    <dgm:fillClrLst>
      <a:schemeClr val="accent5"/>
      <a:schemeClr val="accent6"/>
    </dgm:fillClrLst>
    <dgm:linClrLst meth="repeat">
      <a:schemeClr val="lt1"/>
    </dgm:linClrLst>
    <dgm:effectClrLst/>
    <dgm:txLinClrLst/>
    <dgm:txFillClrLst meth="repeat">
      <a:schemeClr val="lt1"/>
    </dgm:txFillClrLst>
    <dgm:txEffectClrLst/>
  </dgm:styleLbl>
  <dgm:styleLbl name="bgSibTrans2D1">
    <dgm:fillClrLst>
      <a:schemeClr val="accent5"/>
      <a:schemeClr val="accent6"/>
    </dgm:fillClrLst>
    <dgm:linClrLst meth="repeat">
      <a:schemeClr val="lt1"/>
    </dgm:linClrLst>
    <dgm:effectClrLst/>
    <dgm:txLinClrLst/>
    <dgm:txFillClrLst meth="repeat">
      <a:schemeClr val="lt1"/>
    </dgm:txFillClrLst>
    <dgm:txEffectClrLst/>
  </dgm:styleLbl>
  <dgm:styleLbl name="sibTrans1D1">
    <dgm:fillClrLst/>
    <dgm:linClrLst>
      <a:schemeClr val="accent5"/>
      <a:schemeClr val="accent6"/>
    </dgm:linClrLst>
    <dgm:effectClrLst/>
    <dgm:txLinClrLst/>
    <dgm:txFillClrLst meth="repeat">
      <a:schemeClr val="tx1"/>
    </dgm:txFillClrLst>
    <dgm:txEffectClrLst/>
  </dgm:styleLbl>
  <dgm:styleLbl name="callout">
    <dgm:fillClrLst meth="repeat">
      <a:schemeClr val="accent5"/>
    </dgm:fillClrLst>
    <dgm:linClrLst meth="repeat">
      <a:schemeClr val="accent5">
        <a:tint val="50000"/>
      </a:schemeClr>
    </dgm:linClrLst>
    <dgm:effectClrLst/>
    <dgm:txLinClrLst/>
    <dgm:txFillClrLst meth="repeat">
      <a:schemeClr val="tx1"/>
    </dgm:txFillClrLst>
    <dgm:txEffectClrLst/>
  </dgm:styleLbl>
  <dgm:styleLbl name="asst0">
    <dgm:fillClrLst meth="repeat">
      <a:schemeClr val="accent5"/>
    </dgm:fillClrLst>
    <dgm:linClrLst meth="repeat">
      <a:schemeClr val="lt1">
        <a:shade val="80000"/>
      </a:schemeClr>
    </dgm:linClrLst>
    <dgm:effectClrLst/>
    <dgm:txLinClrLst/>
    <dgm:txFillClrLst/>
    <dgm:txEffectClrLst/>
  </dgm:styleLbl>
  <dgm:styleLbl name="asst1">
    <dgm:fillClrLst meth="repeat">
      <a:schemeClr val="accent6"/>
    </dgm:fillClrLst>
    <dgm:linClrLst meth="repeat">
      <a:schemeClr val="lt1">
        <a:shade val="80000"/>
      </a:schemeClr>
    </dgm:linClrLst>
    <dgm:effectClrLst/>
    <dgm:txLinClrLst/>
    <dgm:txFillClrLst/>
    <dgm:txEffectClrLst/>
  </dgm:styleLbl>
  <dgm:styleLbl name="asst2">
    <dgm:fillClrLst>
      <a:schemeClr val="accent1"/>
    </dgm:fillClrLst>
    <dgm:linClrLst meth="repeat">
      <a:schemeClr val="lt1"/>
    </dgm:linClrLst>
    <dgm:effectClrLst/>
    <dgm:txLinClrLst/>
    <dgm:txFillClrLst/>
    <dgm:txEffectClrLst/>
  </dgm:styleLbl>
  <dgm:styleLbl name="asst3">
    <dgm:fillClrLst>
      <a:schemeClr val="accent2"/>
    </dgm:fillClrLst>
    <dgm:linClrLst meth="repeat">
      <a:schemeClr val="lt1"/>
    </dgm:linClrLst>
    <dgm:effectClrLst/>
    <dgm:txLinClrLst/>
    <dgm:txFillClrLst/>
    <dgm:txEffectClrLst/>
  </dgm:styleLbl>
  <dgm:styleLbl name="asst4">
    <dgm:fillClrLst>
      <a:schemeClr val="accent3"/>
    </dgm:fillClrLst>
    <dgm:linClrLst meth="repeat">
      <a:schemeClr val="lt1"/>
    </dgm:linClrLst>
    <dgm:effectClrLst/>
    <dgm:txLinClrLst/>
    <dgm:txFillClrLst/>
    <dgm:txEffectClrLst/>
  </dgm:styleLbl>
  <dgm:styleLbl name="parChTrans2D1">
    <dgm:fillClrLst meth="repeat">
      <a:schemeClr val="accent5"/>
    </dgm:fillClrLst>
    <dgm:linClrLst meth="repeat">
      <a:schemeClr val="lt1"/>
    </dgm:linClrLst>
    <dgm:effectClrLst/>
    <dgm:txLinClrLst/>
    <dgm:txFillClrLst meth="repeat">
      <a:schemeClr val="lt1"/>
    </dgm:txFillClrLst>
    <dgm:txEffectClrLst/>
  </dgm:styleLbl>
  <dgm:styleLbl name="parChTrans2D2">
    <dgm:fillClrLst meth="repeat">
      <a:schemeClr val="accent6"/>
    </dgm:fillClrLst>
    <dgm:linClrLst meth="repeat">
      <a:schemeClr val="lt1"/>
    </dgm:linClrLst>
    <dgm:effectClrLst/>
    <dgm:txLinClrLst/>
    <dgm:txFillClrLst/>
    <dgm:txEffectClrLst/>
  </dgm:styleLbl>
  <dgm:styleLbl name="parChTrans2D3">
    <dgm:fillClrLst meth="repeat">
      <a:schemeClr val="accent6"/>
    </dgm:fillClrLst>
    <dgm:linClrLst meth="repeat">
      <a:schemeClr val="lt1"/>
    </dgm:linClrLst>
    <dgm:effectClrLst/>
    <dgm:txLinClrLst/>
    <dgm:txFillClrLst/>
    <dgm:txEffectClrLst/>
  </dgm:styleLbl>
  <dgm:styleLbl name="parChTrans2D4">
    <dgm:fillClrLst meth="repeat">
      <a:schemeClr val="accent1"/>
    </dgm:fillClrLst>
    <dgm:linClrLst meth="repeat">
      <a:schemeClr val="lt1"/>
    </dgm:linClrLst>
    <dgm:effectClrLst/>
    <dgm:txLinClrLst/>
    <dgm:txFillClrLst meth="repeat">
      <a:schemeClr val="lt1"/>
    </dgm:txFillClrLst>
    <dgm:txEffectClrLst/>
  </dgm:styleLbl>
  <dgm:styleLbl name="parChTrans1D1">
    <dgm:fillClrLst meth="repeat">
      <a:schemeClr val="accent5"/>
    </dgm:fillClrLst>
    <dgm:linClrLst meth="repeat">
      <a:schemeClr val="accent5"/>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1"/>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2"/>
    </dgm:linClrLst>
    <dgm:effectClrLst/>
    <dgm:txLinClrLst/>
    <dgm:txFillClrLst meth="repeat">
      <a:schemeClr val="tx1"/>
    </dgm:txFillClrLst>
    <dgm:txEffectClrLst/>
  </dgm:styleLbl>
  <dgm:styleLbl name="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5"/>
    </dgm:linClrLst>
    <dgm:effectClrLst/>
    <dgm:txLinClrLst/>
    <dgm:txFillClrLst meth="repeat">
      <a:schemeClr val="dk1"/>
    </dgm:txFillClrLst>
    <dgm:txEffectClrLst/>
  </dgm:styleLbl>
  <dgm:styleLbl name="b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solidFgAcc1">
    <dgm:fillClrLst meth="repeat">
      <a:schemeClr val="lt1"/>
    </dgm:fillClrLst>
    <dgm:linClrLst>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a:schemeClr val="accent5"/>
      <a:schemeClr val="accent6"/>
    </dgm:linClrLst>
    <dgm:effectClrLst/>
    <dgm:txLinClrLst/>
    <dgm:txFillClrLst meth="repeat">
      <a:schemeClr val="dk1"/>
    </dgm:txFillClrLst>
    <dgm:txEffectClrLst/>
  </dgm:styleLbl>
  <dgm:styleLbl name="solidBgAcc1">
    <dgm:fillClrLst meth="repeat">
      <a:schemeClr val="lt1"/>
    </dgm:fillClrLst>
    <dgm:linClrLst>
      <a:schemeClr val="accent5"/>
      <a:schemeClr val="accent6"/>
    </dgm:linClrLst>
    <dgm:effectClrLst/>
    <dgm:txLinClrLst/>
    <dgm:txFillClrLst meth="repeat">
      <a:schemeClr val="dk1"/>
    </dgm:txFillClrLst>
    <dgm:txEffectClrLst/>
  </dgm:styleLbl>
  <dgm:styleLbl name="fgAccFollowNode1">
    <dgm:fillClrLst>
      <a:schemeClr val="accent5">
        <a:tint val="40000"/>
        <a:alpha val="90000"/>
      </a:schemeClr>
      <a:schemeClr val="accent6">
        <a:tint val="40000"/>
        <a:alpha val="90000"/>
      </a:schemeClr>
    </dgm:fillClrLst>
    <dgm:linClrLst>
      <a:schemeClr val="accent5">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4"/>
    </dgm:linClrLst>
    <dgm:effectClrLst/>
    <dgm:txLinClrLst/>
    <dgm:txFillClrLst meth="repeat">
      <a:schemeClr val="dk1"/>
    </dgm:txFillClrLst>
    <dgm:txEffectClrLst/>
  </dgm:styleLbl>
  <dgm:styleLbl name="fgAcc2">
    <dgm:fillClrLst meth="repeat">
      <a:schemeClr val="lt1">
        <a:alpha val="90000"/>
      </a:schemeClr>
    </dgm:fillClrLst>
    <dgm:linClrLst>
      <a:schemeClr val="accent6"/>
    </dgm:linClrLst>
    <dgm:effectClrLst/>
    <dgm:txLinClrLst/>
    <dgm:txFillClrLst meth="repeat">
      <a:schemeClr val="dk1"/>
    </dgm:txFillClrLst>
    <dgm:txEffectClrLst/>
  </dgm:styleLbl>
  <dgm:styleLbl name="fgAcc3">
    <dgm:fillClrLst meth="repeat">
      <a:schemeClr val="lt1">
        <a:alpha val="90000"/>
      </a:schemeClr>
    </dgm:fillClrLst>
    <dgm:linClrLst>
      <a:schemeClr val="accent1"/>
    </dgm:linClrLst>
    <dgm:effectClrLst/>
    <dgm:txLinClrLst/>
    <dgm:txFillClrLst meth="repeat">
      <a:schemeClr val="dk1"/>
    </dgm:txFillClrLst>
    <dgm:txEffectClrLst/>
  </dgm:styleLbl>
  <dgm:styleLbl name="fgAcc4">
    <dgm:fillClrLst meth="repeat">
      <a:schemeClr val="lt1">
        <a:alpha val="90000"/>
      </a:schemeClr>
    </dgm:fillClrLst>
    <dgm:linClrLst>
      <a:schemeClr val="accent2"/>
    </dgm:linClrLst>
    <dgm:effectClrLst/>
    <dgm:txLinClrLst/>
    <dgm:txFillClrLst meth="repeat">
      <a:schemeClr val="dk1"/>
    </dgm:txFillClrLst>
    <dgm:txEffectClrLst/>
  </dgm:styleLbl>
  <dgm:styleLbl name="bgShp">
    <dgm:fillClrLst meth="repeat">
      <a:schemeClr val="accent5">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5">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5">
        <a:tint val="50000"/>
        <a:alpha val="40000"/>
      </a:schemeClr>
    </dgm:fillClrLst>
    <dgm:linClrLst meth="repeat">
      <a:schemeClr val="accent5"/>
    </dgm:linClrLst>
    <dgm:effectClrLst/>
    <dgm:txLinClrLst/>
    <dgm:txFillClrLst meth="repeat">
      <a:schemeClr val="lt1"/>
    </dgm:txFillClrLst>
    <dgm:txEffectClrLst/>
  </dgm:styleLbl>
  <dgm:styleLbl name="fgShp">
    <dgm:fillClrLst meth="repeat">
      <a:schemeClr val="accent5">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colorful5">
  <dgm:title val=""/>
  <dgm:desc val=""/>
  <dgm:catLst>
    <dgm:cat type="colorful" pri="10500"/>
  </dgm:catLst>
  <dgm:styleLbl name="node0">
    <dgm:fillClrLst meth="repeat">
      <a:schemeClr val="accent4"/>
    </dgm:fillClrLst>
    <dgm:linClrLst meth="repeat">
      <a:schemeClr val="lt1"/>
    </dgm:linClrLst>
    <dgm:effectClrLst/>
    <dgm:txLinClrLst/>
    <dgm:txFillClrLst/>
    <dgm:txEffectClrLst/>
  </dgm:styleLbl>
  <dgm:styleLbl name="node1">
    <dgm:fillClrLst>
      <a:schemeClr val="accent5"/>
      <a:schemeClr val="accent6"/>
    </dgm:fillClrLst>
    <dgm:linClrLst meth="repeat">
      <a:schemeClr val="lt1"/>
    </dgm:linClrLst>
    <dgm:effectClrLst/>
    <dgm:txLinClrLst/>
    <dgm:txFillClrLst/>
    <dgm:txEffectClrLst/>
  </dgm:styleLbl>
  <dgm:styleLbl name="alignNode1">
    <dgm:fillClrLst>
      <a:schemeClr val="accent5"/>
      <a:schemeClr val="accent6"/>
    </dgm:fillClrLst>
    <dgm:linClrLst>
      <a:schemeClr val="accent5"/>
      <a:schemeClr val="accent6"/>
    </dgm:linClrLst>
    <dgm:effectClrLst/>
    <dgm:txLinClrLst/>
    <dgm:txFillClrLst/>
    <dgm:txEffectClrLst/>
  </dgm:styleLbl>
  <dgm:styleLbl name="lnNode1">
    <dgm:fillClrLst>
      <a:schemeClr val="accent5"/>
      <a:schemeClr val="accent6"/>
    </dgm:fillClrLst>
    <dgm:linClrLst meth="repeat">
      <a:schemeClr val="lt1"/>
    </dgm:linClrLst>
    <dgm:effectClrLst/>
    <dgm:txLinClrLst/>
    <dgm:txFillClrLst/>
    <dgm:txEffectClrLst/>
  </dgm:styleLbl>
  <dgm:styleLbl name="vennNode1">
    <dgm:fillClrLst>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6"/>
    </dgm:fillClrLst>
    <dgm:linClrLst meth="repeat">
      <a:schemeClr val="lt1"/>
    </dgm:linClrLst>
    <dgm:effectClrLst/>
    <dgm:txLinClrLst/>
    <dgm:txFillClrLst/>
    <dgm:txEffectClrLst/>
  </dgm:styleLbl>
  <dgm:styleLbl name="node3">
    <dgm:fillClrLst>
      <a:schemeClr val="accent1"/>
    </dgm:fillClrLst>
    <dgm:linClrLst meth="repeat">
      <a:schemeClr val="lt1"/>
    </dgm:linClrLst>
    <dgm:effectClrLst/>
    <dgm:txLinClrLst/>
    <dgm:txFillClrLst/>
    <dgm:txEffectClrLst/>
  </dgm:styleLbl>
  <dgm:styleLbl name="node4">
    <dgm:fillClrLst>
      <a:schemeClr val="accent2"/>
    </dgm:fillClrLst>
    <dgm:linClrLst meth="repeat">
      <a:schemeClr val="lt1"/>
    </dgm:linClrLst>
    <dgm:effectClrLst/>
    <dgm:txLinClrLst/>
    <dgm:txFillClrLst/>
    <dgm:txEffectClrLst/>
  </dgm:styleLbl>
  <dgm:styleLbl name="fgImgPlace1">
    <dgm:fillClrLst>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5"/>
      <a:schemeClr val="accent6"/>
    </dgm:fillClrLst>
    <dgm:linClrLst meth="repeat">
      <a:schemeClr val="lt1"/>
    </dgm:linClrLst>
    <dgm:effectClrLst/>
    <dgm:txLinClrLst/>
    <dgm:txFillClrLst/>
    <dgm:txEffectClrLst/>
  </dgm:styleLbl>
  <dgm:styleLbl name="fgSibTrans2D1">
    <dgm:fillClrLst>
      <a:schemeClr val="accent5"/>
      <a:schemeClr val="accent6"/>
    </dgm:fillClrLst>
    <dgm:linClrLst meth="repeat">
      <a:schemeClr val="lt1"/>
    </dgm:linClrLst>
    <dgm:effectClrLst/>
    <dgm:txLinClrLst/>
    <dgm:txFillClrLst meth="repeat">
      <a:schemeClr val="lt1"/>
    </dgm:txFillClrLst>
    <dgm:txEffectClrLst/>
  </dgm:styleLbl>
  <dgm:styleLbl name="bgSibTrans2D1">
    <dgm:fillClrLst>
      <a:schemeClr val="accent5"/>
      <a:schemeClr val="accent6"/>
    </dgm:fillClrLst>
    <dgm:linClrLst meth="repeat">
      <a:schemeClr val="lt1"/>
    </dgm:linClrLst>
    <dgm:effectClrLst/>
    <dgm:txLinClrLst/>
    <dgm:txFillClrLst meth="repeat">
      <a:schemeClr val="lt1"/>
    </dgm:txFillClrLst>
    <dgm:txEffectClrLst/>
  </dgm:styleLbl>
  <dgm:styleLbl name="sibTrans1D1">
    <dgm:fillClrLst/>
    <dgm:linClrLst>
      <a:schemeClr val="accent5"/>
      <a:schemeClr val="accent6"/>
    </dgm:linClrLst>
    <dgm:effectClrLst/>
    <dgm:txLinClrLst/>
    <dgm:txFillClrLst meth="repeat">
      <a:schemeClr val="tx1"/>
    </dgm:txFillClrLst>
    <dgm:txEffectClrLst/>
  </dgm:styleLbl>
  <dgm:styleLbl name="callout">
    <dgm:fillClrLst meth="repeat">
      <a:schemeClr val="accent5"/>
    </dgm:fillClrLst>
    <dgm:linClrLst meth="repeat">
      <a:schemeClr val="accent5">
        <a:tint val="50000"/>
      </a:schemeClr>
    </dgm:linClrLst>
    <dgm:effectClrLst/>
    <dgm:txLinClrLst/>
    <dgm:txFillClrLst meth="repeat">
      <a:schemeClr val="tx1"/>
    </dgm:txFillClrLst>
    <dgm:txEffectClrLst/>
  </dgm:styleLbl>
  <dgm:styleLbl name="asst0">
    <dgm:fillClrLst meth="repeat">
      <a:schemeClr val="accent5"/>
    </dgm:fillClrLst>
    <dgm:linClrLst meth="repeat">
      <a:schemeClr val="lt1">
        <a:shade val="80000"/>
      </a:schemeClr>
    </dgm:linClrLst>
    <dgm:effectClrLst/>
    <dgm:txLinClrLst/>
    <dgm:txFillClrLst/>
    <dgm:txEffectClrLst/>
  </dgm:styleLbl>
  <dgm:styleLbl name="asst1">
    <dgm:fillClrLst meth="repeat">
      <a:schemeClr val="accent6"/>
    </dgm:fillClrLst>
    <dgm:linClrLst meth="repeat">
      <a:schemeClr val="lt1">
        <a:shade val="80000"/>
      </a:schemeClr>
    </dgm:linClrLst>
    <dgm:effectClrLst/>
    <dgm:txLinClrLst/>
    <dgm:txFillClrLst/>
    <dgm:txEffectClrLst/>
  </dgm:styleLbl>
  <dgm:styleLbl name="asst2">
    <dgm:fillClrLst>
      <a:schemeClr val="accent1"/>
    </dgm:fillClrLst>
    <dgm:linClrLst meth="repeat">
      <a:schemeClr val="lt1"/>
    </dgm:linClrLst>
    <dgm:effectClrLst/>
    <dgm:txLinClrLst/>
    <dgm:txFillClrLst/>
    <dgm:txEffectClrLst/>
  </dgm:styleLbl>
  <dgm:styleLbl name="asst3">
    <dgm:fillClrLst>
      <a:schemeClr val="accent2"/>
    </dgm:fillClrLst>
    <dgm:linClrLst meth="repeat">
      <a:schemeClr val="lt1"/>
    </dgm:linClrLst>
    <dgm:effectClrLst/>
    <dgm:txLinClrLst/>
    <dgm:txFillClrLst/>
    <dgm:txEffectClrLst/>
  </dgm:styleLbl>
  <dgm:styleLbl name="asst4">
    <dgm:fillClrLst>
      <a:schemeClr val="accent3"/>
    </dgm:fillClrLst>
    <dgm:linClrLst meth="repeat">
      <a:schemeClr val="lt1"/>
    </dgm:linClrLst>
    <dgm:effectClrLst/>
    <dgm:txLinClrLst/>
    <dgm:txFillClrLst/>
    <dgm:txEffectClrLst/>
  </dgm:styleLbl>
  <dgm:styleLbl name="parChTrans2D1">
    <dgm:fillClrLst meth="repeat">
      <a:schemeClr val="accent5"/>
    </dgm:fillClrLst>
    <dgm:linClrLst meth="repeat">
      <a:schemeClr val="lt1"/>
    </dgm:linClrLst>
    <dgm:effectClrLst/>
    <dgm:txLinClrLst/>
    <dgm:txFillClrLst meth="repeat">
      <a:schemeClr val="lt1"/>
    </dgm:txFillClrLst>
    <dgm:txEffectClrLst/>
  </dgm:styleLbl>
  <dgm:styleLbl name="parChTrans2D2">
    <dgm:fillClrLst meth="repeat">
      <a:schemeClr val="accent6"/>
    </dgm:fillClrLst>
    <dgm:linClrLst meth="repeat">
      <a:schemeClr val="lt1"/>
    </dgm:linClrLst>
    <dgm:effectClrLst/>
    <dgm:txLinClrLst/>
    <dgm:txFillClrLst/>
    <dgm:txEffectClrLst/>
  </dgm:styleLbl>
  <dgm:styleLbl name="parChTrans2D3">
    <dgm:fillClrLst meth="repeat">
      <a:schemeClr val="accent6"/>
    </dgm:fillClrLst>
    <dgm:linClrLst meth="repeat">
      <a:schemeClr val="lt1"/>
    </dgm:linClrLst>
    <dgm:effectClrLst/>
    <dgm:txLinClrLst/>
    <dgm:txFillClrLst/>
    <dgm:txEffectClrLst/>
  </dgm:styleLbl>
  <dgm:styleLbl name="parChTrans2D4">
    <dgm:fillClrLst meth="repeat">
      <a:schemeClr val="accent1"/>
    </dgm:fillClrLst>
    <dgm:linClrLst meth="repeat">
      <a:schemeClr val="lt1"/>
    </dgm:linClrLst>
    <dgm:effectClrLst/>
    <dgm:txLinClrLst/>
    <dgm:txFillClrLst meth="repeat">
      <a:schemeClr val="lt1"/>
    </dgm:txFillClrLst>
    <dgm:txEffectClrLst/>
  </dgm:styleLbl>
  <dgm:styleLbl name="parChTrans1D1">
    <dgm:fillClrLst meth="repeat">
      <a:schemeClr val="accent5"/>
    </dgm:fillClrLst>
    <dgm:linClrLst meth="repeat">
      <a:schemeClr val="accent5"/>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1"/>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2"/>
    </dgm:linClrLst>
    <dgm:effectClrLst/>
    <dgm:txLinClrLst/>
    <dgm:txFillClrLst meth="repeat">
      <a:schemeClr val="tx1"/>
    </dgm:txFillClrLst>
    <dgm:txEffectClrLst/>
  </dgm:styleLbl>
  <dgm:styleLbl name="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5"/>
    </dgm:linClrLst>
    <dgm:effectClrLst/>
    <dgm:txLinClrLst/>
    <dgm:txFillClrLst meth="repeat">
      <a:schemeClr val="dk1"/>
    </dgm:txFillClrLst>
    <dgm:txEffectClrLst/>
  </dgm:styleLbl>
  <dgm:styleLbl name="b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solidFgAcc1">
    <dgm:fillClrLst meth="repeat">
      <a:schemeClr val="lt1"/>
    </dgm:fillClrLst>
    <dgm:linClrLst>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a:schemeClr val="accent5"/>
      <a:schemeClr val="accent6"/>
    </dgm:linClrLst>
    <dgm:effectClrLst/>
    <dgm:txLinClrLst/>
    <dgm:txFillClrLst meth="repeat">
      <a:schemeClr val="dk1"/>
    </dgm:txFillClrLst>
    <dgm:txEffectClrLst/>
  </dgm:styleLbl>
  <dgm:styleLbl name="solidBgAcc1">
    <dgm:fillClrLst meth="repeat">
      <a:schemeClr val="lt1"/>
    </dgm:fillClrLst>
    <dgm:linClrLst>
      <a:schemeClr val="accent5"/>
      <a:schemeClr val="accent6"/>
    </dgm:linClrLst>
    <dgm:effectClrLst/>
    <dgm:txLinClrLst/>
    <dgm:txFillClrLst meth="repeat">
      <a:schemeClr val="dk1"/>
    </dgm:txFillClrLst>
    <dgm:txEffectClrLst/>
  </dgm:styleLbl>
  <dgm:styleLbl name="fgAccFollowNode1">
    <dgm:fillClrLst>
      <a:schemeClr val="accent5">
        <a:tint val="40000"/>
        <a:alpha val="90000"/>
      </a:schemeClr>
      <a:schemeClr val="accent6">
        <a:tint val="40000"/>
        <a:alpha val="90000"/>
      </a:schemeClr>
    </dgm:fillClrLst>
    <dgm:linClrLst>
      <a:schemeClr val="accent5">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4"/>
    </dgm:linClrLst>
    <dgm:effectClrLst/>
    <dgm:txLinClrLst/>
    <dgm:txFillClrLst meth="repeat">
      <a:schemeClr val="dk1"/>
    </dgm:txFillClrLst>
    <dgm:txEffectClrLst/>
  </dgm:styleLbl>
  <dgm:styleLbl name="fgAcc2">
    <dgm:fillClrLst meth="repeat">
      <a:schemeClr val="lt1">
        <a:alpha val="90000"/>
      </a:schemeClr>
    </dgm:fillClrLst>
    <dgm:linClrLst>
      <a:schemeClr val="accent6"/>
    </dgm:linClrLst>
    <dgm:effectClrLst/>
    <dgm:txLinClrLst/>
    <dgm:txFillClrLst meth="repeat">
      <a:schemeClr val="dk1"/>
    </dgm:txFillClrLst>
    <dgm:txEffectClrLst/>
  </dgm:styleLbl>
  <dgm:styleLbl name="fgAcc3">
    <dgm:fillClrLst meth="repeat">
      <a:schemeClr val="lt1">
        <a:alpha val="90000"/>
      </a:schemeClr>
    </dgm:fillClrLst>
    <dgm:linClrLst>
      <a:schemeClr val="accent1"/>
    </dgm:linClrLst>
    <dgm:effectClrLst/>
    <dgm:txLinClrLst/>
    <dgm:txFillClrLst meth="repeat">
      <a:schemeClr val="dk1"/>
    </dgm:txFillClrLst>
    <dgm:txEffectClrLst/>
  </dgm:styleLbl>
  <dgm:styleLbl name="fgAcc4">
    <dgm:fillClrLst meth="repeat">
      <a:schemeClr val="lt1">
        <a:alpha val="90000"/>
      </a:schemeClr>
    </dgm:fillClrLst>
    <dgm:linClrLst>
      <a:schemeClr val="accent2"/>
    </dgm:linClrLst>
    <dgm:effectClrLst/>
    <dgm:txLinClrLst/>
    <dgm:txFillClrLst meth="repeat">
      <a:schemeClr val="dk1"/>
    </dgm:txFillClrLst>
    <dgm:txEffectClrLst/>
  </dgm:styleLbl>
  <dgm:styleLbl name="bgShp">
    <dgm:fillClrLst meth="repeat">
      <a:schemeClr val="accent5">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5">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5">
        <a:tint val="50000"/>
        <a:alpha val="40000"/>
      </a:schemeClr>
    </dgm:fillClrLst>
    <dgm:linClrLst meth="repeat">
      <a:schemeClr val="accent5"/>
    </dgm:linClrLst>
    <dgm:effectClrLst/>
    <dgm:txLinClrLst/>
    <dgm:txFillClrLst meth="repeat">
      <a:schemeClr val="lt1"/>
    </dgm:txFillClrLst>
    <dgm:txEffectClrLst/>
  </dgm:styleLbl>
  <dgm:styleLbl name="fgShp">
    <dgm:fillClrLst meth="repeat">
      <a:schemeClr val="accent5">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E29183AB-5DEB-4BEE-8117-1DDB41C6E28D}" type="doc">
      <dgm:prSet loTypeId="urn:microsoft.com/office/officeart/2016/7/layout/RoundedRectangleTimeline" loCatId="process" qsTypeId="urn:microsoft.com/office/officeart/2005/8/quickstyle/simple1" qsCatId="simple" csTypeId="urn:microsoft.com/office/officeart/2005/8/colors/colorful5" csCatId="colorful" phldr="1"/>
      <dgm:spPr/>
      <dgm:t>
        <a:bodyPr/>
        <a:lstStyle/>
        <a:p>
          <a:endParaRPr lang="en-US"/>
        </a:p>
      </dgm:t>
    </dgm:pt>
    <dgm:pt modelId="{84A6DB23-D2FD-4A6D-9998-62FF8E2A6CE4}">
      <dgm:prSet/>
      <dgm:spPr/>
      <dgm:t>
        <a:bodyPr/>
        <a:lstStyle/>
        <a:p>
          <a:r>
            <a:rPr lang="en-US"/>
            <a:t>2014</a:t>
          </a:r>
        </a:p>
      </dgm:t>
    </dgm:pt>
    <dgm:pt modelId="{44DCC59A-4EC1-4648-8664-29687AF170CD}" type="parTrans" cxnId="{95530BF6-7B0F-4B38-B195-2EC44C86BC40}">
      <dgm:prSet/>
      <dgm:spPr/>
      <dgm:t>
        <a:bodyPr/>
        <a:lstStyle/>
        <a:p>
          <a:endParaRPr lang="en-US"/>
        </a:p>
      </dgm:t>
    </dgm:pt>
    <dgm:pt modelId="{051BED2C-CC10-434C-A6A5-DC5F6AFA2D85}" type="sibTrans" cxnId="{95530BF6-7B0F-4B38-B195-2EC44C86BC40}">
      <dgm:prSet/>
      <dgm:spPr/>
      <dgm:t>
        <a:bodyPr/>
        <a:lstStyle/>
        <a:p>
          <a:endParaRPr lang="en-US"/>
        </a:p>
      </dgm:t>
    </dgm:pt>
    <dgm:pt modelId="{30FD64C4-1452-4780-BCE4-1B66D3E3C4FC}">
      <dgm:prSet/>
      <dgm:spPr/>
      <dgm:t>
        <a:bodyPr/>
        <a:lstStyle/>
        <a:p>
          <a:r>
            <a:rPr lang="en-US"/>
            <a:t>Perry Memorial – Princeton (85/yr)</a:t>
          </a:r>
        </a:p>
      </dgm:t>
    </dgm:pt>
    <dgm:pt modelId="{970490DF-9C26-425B-9D43-E4785395BC05}" type="parTrans" cxnId="{6219D918-932E-40F7-AD13-238200B2E82C}">
      <dgm:prSet/>
      <dgm:spPr/>
      <dgm:t>
        <a:bodyPr/>
        <a:lstStyle/>
        <a:p>
          <a:endParaRPr lang="en-US"/>
        </a:p>
      </dgm:t>
    </dgm:pt>
    <dgm:pt modelId="{A21983E5-6DB8-46D3-940A-1E4BB2C5BC28}" type="sibTrans" cxnId="{6219D918-932E-40F7-AD13-238200B2E82C}">
      <dgm:prSet/>
      <dgm:spPr/>
      <dgm:t>
        <a:bodyPr/>
        <a:lstStyle/>
        <a:p>
          <a:endParaRPr lang="en-US"/>
        </a:p>
      </dgm:t>
    </dgm:pt>
    <dgm:pt modelId="{821E13B4-CFD9-468F-A47A-53036BE480E7}">
      <dgm:prSet/>
      <dgm:spPr/>
      <dgm:t>
        <a:bodyPr/>
        <a:lstStyle/>
        <a:p>
          <a:r>
            <a:rPr lang="en-US"/>
            <a:t>St. Mary’s – Streator (186/yr)</a:t>
          </a:r>
        </a:p>
      </dgm:t>
    </dgm:pt>
    <dgm:pt modelId="{9E66D618-1EF8-480C-837E-48E48DFE6E89}" type="parTrans" cxnId="{29E93C4A-B4E9-46B0-895E-2AC68FF48FEB}">
      <dgm:prSet/>
      <dgm:spPr/>
      <dgm:t>
        <a:bodyPr/>
        <a:lstStyle/>
        <a:p>
          <a:endParaRPr lang="en-US"/>
        </a:p>
      </dgm:t>
    </dgm:pt>
    <dgm:pt modelId="{303F0F37-2E8E-4BEC-897E-DEF0E5D77C65}" type="sibTrans" cxnId="{29E93C4A-B4E9-46B0-895E-2AC68FF48FEB}">
      <dgm:prSet/>
      <dgm:spPr/>
      <dgm:t>
        <a:bodyPr/>
        <a:lstStyle/>
        <a:p>
          <a:endParaRPr lang="en-US"/>
        </a:p>
      </dgm:t>
    </dgm:pt>
    <dgm:pt modelId="{E5F8328F-3D3D-46DF-BDA7-95A2B044CD33}">
      <dgm:prSet/>
      <dgm:spPr/>
      <dgm:t>
        <a:bodyPr/>
        <a:lstStyle/>
        <a:p>
          <a:r>
            <a:rPr lang="en-US"/>
            <a:t>Proctor Community Hospital – Peoria (604/yr)</a:t>
          </a:r>
        </a:p>
      </dgm:t>
    </dgm:pt>
    <dgm:pt modelId="{C78A5FA6-FFF4-4D76-A9F1-7228BBF10866}" type="parTrans" cxnId="{25F66BF7-97CC-48B1-8C6C-AEAFFF588508}">
      <dgm:prSet/>
      <dgm:spPr/>
      <dgm:t>
        <a:bodyPr/>
        <a:lstStyle/>
        <a:p>
          <a:endParaRPr lang="en-US"/>
        </a:p>
      </dgm:t>
    </dgm:pt>
    <dgm:pt modelId="{F58B2A6B-735A-48FC-A78C-FE91934CA7CA}" type="sibTrans" cxnId="{25F66BF7-97CC-48B1-8C6C-AEAFFF588508}">
      <dgm:prSet/>
      <dgm:spPr/>
      <dgm:t>
        <a:bodyPr/>
        <a:lstStyle/>
        <a:p>
          <a:endParaRPr lang="en-US"/>
        </a:p>
      </dgm:t>
    </dgm:pt>
    <dgm:pt modelId="{1A66A98C-2183-4E76-9F01-E04FBCBAB360}">
      <dgm:prSet/>
      <dgm:spPr/>
      <dgm:t>
        <a:bodyPr/>
        <a:lstStyle/>
        <a:p>
          <a:r>
            <a:rPr lang="en-US"/>
            <a:t>2017</a:t>
          </a:r>
        </a:p>
      </dgm:t>
    </dgm:pt>
    <dgm:pt modelId="{830E0EB6-4BF4-41CC-B614-CDCFB8B02299}" type="parTrans" cxnId="{13D3C2E9-D269-4593-BCA1-A040438F6575}">
      <dgm:prSet/>
      <dgm:spPr/>
      <dgm:t>
        <a:bodyPr/>
        <a:lstStyle/>
        <a:p>
          <a:endParaRPr lang="en-US"/>
        </a:p>
      </dgm:t>
    </dgm:pt>
    <dgm:pt modelId="{FA6AC1DB-760A-4B18-AEAF-2E38A3976211}" type="sibTrans" cxnId="{13D3C2E9-D269-4593-BCA1-A040438F6575}">
      <dgm:prSet/>
      <dgm:spPr/>
      <dgm:t>
        <a:bodyPr/>
        <a:lstStyle/>
        <a:p>
          <a:endParaRPr lang="en-US"/>
        </a:p>
      </dgm:t>
    </dgm:pt>
    <dgm:pt modelId="{AC0055D6-11C5-41E0-B512-44AC98CD47F2}">
      <dgm:prSet/>
      <dgm:spPr/>
      <dgm:t>
        <a:bodyPr/>
        <a:lstStyle/>
        <a:p>
          <a:r>
            <a:rPr lang="en-US"/>
            <a:t>Hammond Henry – Geneseo (240/yr)</a:t>
          </a:r>
        </a:p>
      </dgm:t>
    </dgm:pt>
    <dgm:pt modelId="{81ABDB98-9FB4-44BD-BBB3-C4B5F5AA4F86}" type="parTrans" cxnId="{653BB855-9F97-48FA-A2FD-766BFAD3B892}">
      <dgm:prSet/>
      <dgm:spPr/>
      <dgm:t>
        <a:bodyPr/>
        <a:lstStyle/>
        <a:p>
          <a:endParaRPr lang="en-US"/>
        </a:p>
      </dgm:t>
    </dgm:pt>
    <dgm:pt modelId="{9DA0D079-2B05-4CD6-8002-DBC88447ABA3}" type="sibTrans" cxnId="{653BB855-9F97-48FA-A2FD-766BFAD3B892}">
      <dgm:prSet/>
      <dgm:spPr/>
      <dgm:t>
        <a:bodyPr/>
        <a:lstStyle/>
        <a:p>
          <a:endParaRPr lang="en-US"/>
        </a:p>
      </dgm:t>
    </dgm:pt>
    <dgm:pt modelId="{6A233B8A-4769-41D7-83E1-AB09617ACB2B}">
      <dgm:prSet/>
      <dgm:spPr/>
      <dgm:t>
        <a:bodyPr/>
        <a:lstStyle/>
        <a:p>
          <a:r>
            <a:rPr lang="en-US"/>
            <a:t>Iroquois Memorial – Watseka (89/yr)</a:t>
          </a:r>
        </a:p>
      </dgm:t>
    </dgm:pt>
    <dgm:pt modelId="{CB6E1E65-8813-42F3-872E-A58B673B6E4B}" type="parTrans" cxnId="{5618F34D-97A7-4D0E-908D-E12486D2D843}">
      <dgm:prSet/>
      <dgm:spPr/>
      <dgm:t>
        <a:bodyPr/>
        <a:lstStyle/>
        <a:p>
          <a:endParaRPr lang="en-US"/>
        </a:p>
      </dgm:t>
    </dgm:pt>
    <dgm:pt modelId="{B6287C46-2EE8-4C0E-979E-DB465B4EC113}" type="sibTrans" cxnId="{5618F34D-97A7-4D0E-908D-E12486D2D843}">
      <dgm:prSet/>
      <dgm:spPr/>
      <dgm:t>
        <a:bodyPr/>
        <a:lstStyle/>
        <a:p>
          <a:endParaRPr lang="en-US"/>
        </a:p>
      </dgm:t>
    </dgm:pt>
    <dgm:pt modelId="{E2A3A6AA-7108-4CCC-AA8E-4FB8813EA530}">
      <dgm:prSet/>
      <dgm:spPr/>
      <dgm:t>
        <a:bodyPr/>
        <a:lstStyle/>
        <a:p>
          <a:r>
            <a:rPr lang="en-US"/>
            <a:t>2019</a:t>
          </a:r>
        </a:p>
      </dgm:t>
    </dgm:pt>
    <dgm:pt modelId="{1548CD6E-2A70-48A4-9F4E-1F6A5B4569EA}" type="parTrans" cxnId="{4E5B25F4-B468-41B2-8685-2C6522011EBF}">
      <dgm:prSet/>
      <dgm:spPr/>
      <dgm:t>
        <a:bodyPr/>
        <a:lstStyle/>
        <a:p>
          <a:endParaRPr lang="en-US"/>
        </a:p>
      </dgm:t>
    </dgm:pt>
    <dgm:pt modelId="{195AE929-683A-46E2-B2DB-82E5C10E11E9}" type="sibTrans" cxnId="{4E5B25F4-B468-41B2-8685-2C6522011EBF}">
      <dgm:prSet/>
      <dgm:spPr/>
      <dgm:t>
        <a:bodyPr/>
        <a:lstStyle/>
        <a:p>
          <a:endParaRPr lang="en-US"/>
        </a:p>
      </dgm:t>
    </dgm:pt>
    <dgm:pt modelId="{295068F6-CF36-4A5B-B7B7-CF1006AE1C56}">
      <dgm:prSet/>
      <dgm:spPr/>
      <dgm:t>
        <a:bodyPr/>
        <a:lstStyle/>
        <a:p>
          <a:r>
            <a:rPr lang="en-US"/>
            <a:t>Cottage Hospital – Galesburg (370/yr)</a:t>
          </a:r>
        </a:p>
      </dgm:t>
    </dgm:pt>
    <dgm:pt modelId="{51E43C4A-0EFE-408F-BDD4-B1B3A931616E}" type="parTrans" cxnId="{D033CCBF-3379-44D0-9717-F38B04209AF8}">
      <dgm:prSet/>
      <dgm:spPr/>
      <dgm:t>
        <a:bodyPr/>
        <a:lstStyle/>
        <a:p>
          <a:endParaRPr lang="en-US"/>
        </a:p>
      </dgm:t>
    </dgm:pt>
    <dgm:pt modelId="{F315B919-576A-47E6-948F-1ABCD0AF02B0}" type="sibTrans" cxnId="{D033CCBF-3379-44D0-9717-F38B04209AF8}">
      <dgm:prSet/>
      <dgm:spPr/>
      <dgm:t>
        <a:bodyPr/>
        <a:lstStyle/>
        <a:p>
          <a:endParaRPr lang="en-US"/>
        </a:p>
      </dgm:t>
    </dgm:pt>
    <dgm:pt modelId="{9C4E74F4-0868-4CAA-986F-6D4CF0B1C6CE}">
      <dgm:prSet/>
      <dgm:spPr/>
      <dgm:t>
        <a:bodyPr/>
        <a:lstStyle/>
        <a:p>
          <a:r>
            <a:rPr lang="en-US"/>
            <a:t>Pekin Hospital – Pekin (367/yr)</a:t>
          </a:r>
        </a:p>
      </dgm:t>
    </dgm:pt>
    <dgm:pt modelId="{F0177C8B-7FB9-4192-91A6-7423AAE59824}" type="parTrans" cxnId="{344796D0-79D3-4BB5-9C12-A489F0D4B3A1}">
      <dgm:prSet/>
      <dgm:spPr/>
      <dgm:t>
        <a:bodyPr/>
        <a:lstStyle/>
        <a:p>
          <a:endParaRPr lang="en-US"/>
        </a:p>
      </dgm:t>
    </dgm:pt>
    <dgm:pt modelId="{344079C6-8ED1-4D5C-9545-54CF6DC727AF}" type="sibTrans" cxnId="{344796D0-79D3-4BB5-9C12-A489F0D4B3A1}">
      <dgm:prSet/>
      <dgm:spPr/>
      <dgm:t>
        <a:bodyPr/>
        <a:lstStyle/>
        <a:p>
          <a:endParaRPr lang="en-US"/>
        </a:p>
      </dgm:t>
    </dgm:pt>
    <dgm:pt modelId="{09E12EED-4F71-4D5E-894B-4121093B51C0}" type="pres">
      <dgm:prSet presAssocID="{E29183AB-5DEB-4BEE-8117-1DDB41C6E28D}" presName="Name0" presStyleCnt="0">
        <dgm:presLayoutVars>
          <dgm:chMax/>
          <dgm:chPref/>
          <dgm:animLvl val="lvl"/>
        </dgm:presLayoutVars>
      </dgm:prSet>
      <dgm:spPr/>
    </dgm:pt>
    <dgm:pt modelId="{77D15997-5396-433B-AE86-2D940A0BD978}" type="pres">
      <dgm:prSet presAssocID="{84A6DB23-D2FD-4A6D-9998-62FF8E2A6CE4}" presName="composite1" presStyleCnt="0"/>
      <dgm:spPr/>
    </dgm:pt>
    <dgm:pt modelId="{6B4F8948-659D-47F8-BADF-0541CFB8B5AB}" type="pres">
      <dgm:prSet presAssocID="{84A6DB23-D2FD-4A6D-9998-62FF8E2A6CE4}" presName="parent1" presStyleLbl="alignNode1" presStyleIdx="0" presStyleCnt="3">
        <dgm:presLayoutVars>
          <dgm:chMax val="1"/>
          <dgm:chPref val="1"/>
          <dgm:bulletEnabled val="1"/>
        </dgm:presLayoutVars>
      </dgm:prSet>
      <dgm:spPr/>
    </dgm:pt>
    <dgm:pt modelId="{D69E0CDA-3CB9-4C07-A59A-8323008564E9}" type="pres">
      <dgm:prSet presAssocID="{84A6DB23-D2FD-4A6D-9998-62FF8E2A6CE4}" presName="Childtext1" presStyleLbl="revTx" presStyleIdx="0" presStyleCnt="3">
        <dgm:presLayoutVars>
          <dgm:bulletEnabled val="1"/>
        </dgm:presLayoutVars>
      </dgm:prSet>
      <dgm:spPr/>
    </dgm:pt>
    <dgm:pt modelId="{5BB86F35-5B0F-40BF-9266-C020286D8DDA}" type="pres">
      <dgm:prSet presAssocID="{84A6DB23-D2FD-4A6D-9998-62FF8E2A6CE4}" presName="ConnectLine1" presStyleLbl="sibTrans1D1" presStyleIdx="0" presStyleCnt="3"/>
      <dgm:spPr>
        <a:noFill/>
        <a:ln w="6350" cap="flat" cmpd="sng" algn="ctr">
          <a:solidFill>
            <a:schemeClr val="accent5">
              <a:hueOff val="0"/>
              <a:satOff val="0"/>
              <a:lumOff val="0"/>
              <a:alphaOff val="0"/>
            </a:schemeClr>
          </a:solidFill>
          <a:prstDash val="dash"/>
          <a:miter lim="800000"/>
        </a:ln>
        <a:effectLst/>
      </dgm:spPr>
    </dgm:pt>
    <dgm:pt modelId="{A1F4CE60-7C50-446F-8975-DE12A3190AC1}" type="pres">
      <dgm:prSet presAssocID="{84A6DB23-D2FD-4A6D-9998-62FF8E2A6CE4}" presName="ConnectLineEnd1" presStyleLbl="lnNode1" presStyleIdx="0" presStyleCnt="3"/>
      <dgm:spPr/>
    </dgm:pt>
    <dgm:pt modelId="{AABF9256-4DF4-4DA8-A1DE-62CC1B66D3AB}" type="pres">
      <dgm:prSet presAssocID="{84A6DB23-D2FD-4A6D-9998-62FF8E2A6CE4}" presName="EmptyPane1" presStyleCnt="0"/>
      <dgm:spPr/>
    </dgm:pt>
    <dgm:pt modelId="{FC8575DF-C893-4964-A7AF-B709F6FB075F}" type="pres">
      <dgm:prSet presAssocID="{051BED2C-CC10-434C-A6A5-DC5F6AFA2D85}" presName="spaceBetweenRectangles1" presStyleCnt="0"/>
      <dgm:spPr/>
    </dgm:pt>
    <dgm:pt modelId="{92FD219D-C22A-403D-A564-5FE140E94C93}" type="pres">
      <dgm:prSet presAssocID="{1A66A98C-2183-4E76-9F01-E04FBCBAB360}" presName="composite1" presStyleCnt="0"/>
      <dgm:spPr/>
    </dgm:pt>
    <dgm:pt modelId="{EDD14ABB-DAB5-4224-8EA2-738260400FAC}" type="pres">
      <dgm:prSet presAssocID="{1A66A98C-2183-4E76-9F01-E04FBCBAB360}" presName="parent1" presStyleLbl="alignNode1" presStyleIdx="1" presStyleCnt="3">
        <dgm:presLayoutVars>
          <dgm:chMax val="1"/>
          <dgm:chPref val="1"/>
          <dgm:bulletEnabled val="1"/>
        </dgm:presLayoutVars>
      </dgm:prSet>
      <dgm:spPr/>
    </dgm:pt>
    <dgm:pt modelId="{74B0355C-BA84-4FC1-871D-9F0204339D13}" type="pres">
      <dgm:prSet presAssocID="{1A66A98C-2183-4E76-9F01-E04FBCBAB360}" presName="Childtext1" presStyleLbl="revTx" presStyleIdx="1" presStyleCnt="3">
        <dgm:presLayoutVars>
          <dgm:bulletEnabled val="1"/>
        </dgm:presLayoutVars>
      </dgm:prSet>
      <dgm:spPr/>
    </dgm:pt>
    <dgm:pt modelId="{45D46B8F-B40C-4005-B147-2480EA7CE23A}" type="pres">
      <dgm:prSet presAssocID="{1A66A98C-2183-4E76-9F01-E04FBCBAB360}" presName="ConnectLine1" presStyleLbl="sibTrans1D1" presStyleIdx="1" presStyleCnt="3"/>
      <dgm:spPr>
        <a:noFill/>
        <a:ln w="6350" cap="flat" cmpd="sng" algn="ctr">
          <a:solidFill>
            <a:schemeClr val="accent5">
              <a:hueOff val="23707"/>
              <a:satOff val="-15703"/>
              <a:lumOff val="17942"/>
              <a:alphaOff val="0"/>
            </a:schemeClr>
          </a:solidFill>
          <a:prstDash val="dash"/>
          <a:miter lim="800000"/>
        </a:ln>
        <a:effectLst/>
      </dgm:spPr>
    </dgm:pt>
    <dgm:pt modelId="{867AB0E0-8989-43E7-B81F-CD8E927F23C8}" type="pres">
      <dgm:prSet presAssocID="{1A66A98C-2183-4E76-9F01-E04FBCBAB360}" presName="ConnectLineEnd1" presStyleLbl="lnNode1" presStyleIdx="1" presStyleCnt="3"/>
      <dgm:spPr/>
    </dgm:pt>
    <dgm:pt modelId="{66A9A5C2-4CBC-408B-8257-C810F04929E6}" type="pres">
      <dgm:prSet presAssocID="{1A66A98C-2183-4E76-9F01-E04FBCBAB360}" presName="EmptyPane1" presStyleCnt="0"/>
      <dgm:spPr/>
    </dgm:pt>
    <dgm:pt modelId="{644733A9-6A39-48E3-A62A-8D1F315248CD}" type="pres">
      <dgm:prSet presAssocID="{FA6AC1DB-760A-4B18-AEAF-2E38A3976211}" presName="spaceBetweenRectangles1" presStyleCnt="0"/>
      <dgm:spPr/>
    </dgm:pt>
    <dgm:pt modelId="{863BDA38-CB3B-4577-99DB-D68C9D2E17E0}" type="pres">
      <dgm:prSet presAssocID="{E2A3A6AA-7108-4CCC-AA8E-4FB8813EA530}" presName="composite1" presStyleCnt="0"/>
      <dgm:spPr/>
    </dgm:pt>
    <dgm:pt modelId="{0409044A-6973-486D-8AD3-CE5696608999}" type="pres">
      <dgm:prSet presAssocID="{E2A3A6AA-7108-4CCC-AA8E-4FB8813EA530}" presName="parent1" presStyleLbl="alignNode1" presStyleIdx="2" presStyleCnt="3">
        <dgm:presLayoutVars>
          <dgm:chMax val="1"/>
          <dgm:chPref val="1"/>
          <dgm:bulletEnabled val="1"/>
        </dgm:presLayoutVars>
      </dgm:prSet>
      <dgm:spPr/>
    </dgm:pt>
    <dgm:pt modelId="{46F65765-F57C-4A4F-ACA1-BE58065B87DF}" type="pres">
      <dgm:prSet presAssocID="{E2A3A6AA-7108-4CCC-AA8E-4FB8813EA530}" presName="Childtext1" presStyleLbl="revTx" presStyleIdx="2" presStyleCnt="3">
        <dgm:presLayoutVars>
          <dgm:bulletEnabled val="1"/>
        </dgm:presLayoutVars>
      </dgm:prSet>
      <dgm:spPr/>
    </dgm:pt>
    <dgm:pt modelId="{892C11BB-05DA-4F2B-904E-5C5820D90FBF}" type="pres">
      <dgm:prSet presAssocID="{E2A3A6AA-7108-4CCC-AA8E-4FB8813EA530}" presName="ConnectLine1" presStyleLbl="sibTrans1D1" presStyleIdx="2" presStyleCnt="3"/>
      <dgm:spPr>
        <a:noFill/>
        <a:ln w="6350" cap="flat" cmpd="sng" algn="ctr">
          <a:solidFill>
            <a:schemeClr val="accent5">
              <a:hueOff val="47413"/>
              <a:satOff val="-31405"/>
              <a:lumOff val="35883"/>
              <a:alphaOff val="0"/>
            </a:schemeClr>
          </a:solidFill>
          <a:prstDash val="dash"/>
          <a:miter lim="800000"/>
        </a:ln>
        <a:effectLst/>
      </dgm:spPr>
    </dgm:pt>
    <dgm:pt modelId="{C6699067-66CC-4442-A0BF-78E064BDA124}" type="pres">
      <dgm:prSet presAssocID="{E2A3A6AA-7108-4CCC-AA8E-4FB8813EA530}" presName="ConnectLineEnd1" presStyleLbl="lnNode1" presStyleIdx="2" presStyleCnt="3"/>
      <dgm:spPr/>
    </dgm:pt>
    <dgm:pt modelId="{1A9B96D1-C42C-4CCA-92E4-6857C58FF43E}" type="pres">
      <dgm:prSet presAssocID="{E2A3A6AA-7108-4CCC-AA8E-4FB8813EA530}" presName="EmptyPane1" presStyleCnt="0"/>
      <dgm:spPr/>
    </dgm:pt>
  </dgm:ptLst>
  <dgm:cxnLst>
    <dgm:cxn modelId="{630BE500-B358-406C-AB49-A34BED68D6A3}" type="presOf" srcId="{30FD64C4-1452-4780-BCE4-1B66D3E3C4FC}" destId="{D69E0CDA-3CB9-4C07-A59A-8323008564E9}" srcOrd="0" destOrd="0" presId="urn:microsoft.com/office/officeart/2016/7/layout/RoundedRectangleTimeline"/>
    <dgm:cxn modelId="{6219D918-932E-40F7-AD13-238200B2E82C}" srcId="{84A6DB23-D2FD-4A6D-9998-62FF8E2A6CE4}" destId="{30FD64C4-1452-4780-BCE4-1B66D3E3C4FC}" srcOrd="0" destOrd="0" parTransId="{970490DF-9C26-425B-9D43-E4785395BC05}" sibTransId="{A21983E5-6DB8-46D3-940A-1E4BB2C5BC28}"/>
    <dgm:cxn modelId="{A0E4DB42-1919-4D0E-8903-23DC2610E165}" type="presOf" srcId="{E2A3A6AA-7108-4CCC-AA8E-4FB8813EA530}" destId="{0409044A-6973-486D-8AD3-CE5696608999}" srcOrd="0" destOrd="0" presId="urn:microsoft.com/office/officeart/2016/7/layout/RoundedRectangleTimeline"/>
    <dgm:cxn modelId="{4513E742-7C52-4C8A-8AF9-BA9D57D384C9}" type="presOf" srcId="{1A66A98C-2183-4E76-9F01-E04FBCBAB360}" destId="{EDD14ABB-DAB5-4224-8EA2-738260400FAC}" srcOrd="0" destOrd="0" presId="urn:microsoft.com/office/officeart/2016/7/layout/RoundedRectangleTimeline"/>
    <dgm:cxn modelId="{B3B7D849-8714-4EDF-A7EB-7740618FF528}" type="presOf" srcId="{9C4E74F4-0868-4CAA-986F-6D4CF0B1C6CE}" destId="{46F65765-F57C-4A4F-ACA1-BE58065B87DF}" srcOrd="0" destOrd="1" presId="urn:microsoft.com/office/officeart/2016/7/layout/RoundedRectangleTimeline"/>
    <dgm:cxn modelId="{29E93C4A-B4E9-46B0-895E-2AC68FF48FEB}" srcId="{84A6DB23-D2FD-4A6D-9998-62FF8E2A6CE4}" destId="{821E13B4-CFD9-468F-A47A-53036BE480E7}" srcOrd="1" destOrd="0" parTransId="{9E66D618-1EF8-480C-837E-48E48DFE6E89}" sibTransId="{303F0F37-2E8E-4BEC-897E-DEF0E5D77C65}"/>
    <dgm:cxn modelId="{5618F34D-97A7-4D0E-908D-E12486D2D843}" srcId="{1A66A98C-2183-4E76-9F01-E04FBCBAB360}" destId="{6A233B8A-4769-41D7-83E1-AB09617ACB2B}" srcOrd="1" destOrd="0" parTransId="{CB6E1E65-8813-42F3-872E-A58B673B6E4B}" sibTransId="{B6287C46-2EE8-4C0E-979E-DB465B4EC113}"/>
    <dgm:cxn modelId="{C7B30E74-2561-45ED-BC47-1BB51FF0AB39}" type="presOf" srcId="{821E13B4-CFD9-468F-A47A-53036BE480E7}" destId="{D69E0CDA-3CB9-4C07-A59A-8323008564E9}" srcOrd="0" destOrd="1" presId="urn:microsoft.com/office/officeart/2016/7/layout/RoundedRectangleTimeline"/>
    <dgm:cxn modelId="{653BB855-9F97-48FA-A2FD-766BFAD3B892}" srcId="{1A66A98C-2183-4E76-9F01-E04FBCBAB360}" destId="{AC0055D6-11C5-41E0-B512-44AC98CD47F2}" srcOrd="0" destOrd="0" parTransId="{81ABDB98-9FB4-44BD-BBB3-C4B5F5AA4F86}" sibTransId="{9DA0D079-2B05-4CD6-8002-DBC88447ABA3}"/>
    <dgm:cxn modelId="{E2909278-F167-4B90-949C-B495A7E74735}" type="presOf" srcId="{E5F8328F-3D3D-46DF-BDA7-95A2B044CD33}" destId="{D69E0CDA-3CB9-4C07-A59A-8323008564E9}" srcOrd="0" destOrd="2" presId="urn:microsoft.com/office/officeart/2016/7/layout/RoundedRectangleTimeline"/>
    <dgm:cxn modelId="{3EE18999-4DD3-4EE7-A243-293DECC1FDB7}" type="presOf" srcId="{AC0055D6-11C5-41E0-B512-44AC98CD47F2}" destId="{74B0355C-BA84-4FC1-871D-9F0204339D13}" srcOrd="0" destOrd="0" presId="urn:microsoft.com/office/officeart/2016/7/layout/RoundedRectangleTimeline"/>
    <dgm:cxn modelId="{06D50FAF-270F-4CEB-9615-F93B33BF363F}" type="presOf" srcId="{295068F6-CF36-4A5B-B7B7-CF1006AE1C56}" destId="{46F65765-F57C-4A4F-ACA1-BE58065B87DF}" srcOrd="0" destOrd="0" presId="urn:microsoft.com/office/officeart/2016/7/layout/RoundedRectangleTimeline"/>
    <dgm:cxn modelId="{A7F18EBF-16D6-4CA9-8333-65F1DF33A761}" type="presOf" srcId="{84A6DB23-D2FD-4A6D-9998-62FF8E2A6CE4}" destId="{6B4F8948-659D-47F8-BADF-0541CFB8B5AB}" srcOrd="0" destOrd="0" presId="urn:microsoft.com/office/officeart/2016/7/layout/RoundedRectangleTimeline"/>
    <dgm:cxn modelId="{D033CCBF-3379-44D0-9717-F38B04209AF8}" srcId="{E2A3A6AA-7108-4CCC-AA8E-4FB8813EA530}" destId="{295068F6-CF36-4A5B-B7B7-CF1006AE1C56}" srcOrd="0" destOrd="0" parTransId="{51E43C4A-0EFE-408F-BDD4-B1B3A931616E}" sibTransId="{F315B919-576A-47E6-948F-1ABCD0AF02B0}"/>
    <dgm:cxn modelId="{344796D0-79D3-4BB5-9C12-A489F0D4B3A1}" srcId="{E2A3A6AA-7108-4CCC-AA8E-4FB8813EA530}" destId="{9C4E74F4-0868-4CAA-986F-6D4CF0B1C6CE}" srcOrd="1" destOrd="0" parTransId="{F0177C8B-7FB9-4192-91A6-7423AAE59824}" sibTransId="{344079C6-8ED1-4D5C-9545-54CF6DC727AF}"/>
    <dgm:cxn modelId="{B2460DD6-4203-4B49-A43C-745230E5AB7F}" type="presOf" srcId="{E29183AB-5DEB-4BEE-8117-1DDB41C6E28D}" destId="{09E12EED-4F71-4D5E-894B-4121093B51C0}" srcOrd="0" destOrd="0" presId="urn:microsoft.com/office/officeart/2016/7/layout/RoundedRectangleTimeline"/>
    <dgm:cxn modelId="{13D3C2E9-D269-4593-BCA1-A040438F6575}" srcId="{E29183AB-5DEB-4BEE-8117-1DDB41C6E28D}" destId="{1A66A98C-2183-4E76-9F01-E04FBCBAB360}" srcOrd="1" destOrd="0" parTransId="{830E0EB6-4BF4-41CC-B614-CDCFB8B02299}" sibTransId="{FA6AC1DB-760A-4B18-AEAF-2E38A3976211}"/>
    <dgm:cxn modelId="{4E5B25F4-B468-41B2-8685-2C6522011EBF}" srcId="{E29183AB-5DEB-4BEE-8117-1DDB41C6E28D}" destId="{E2A3A6AA-7108-4CCC-AA8E-4FB8813EA530}" srcOrd="2" destOrd="0" parTransId="{1548CD6E-2A70-48A4-9F4E-1F6A5B4569EA}" sibTransId="{195AE929-683A-46E2-B2DB-82E5C10E11E9}"/>
    <dgm:cxn modelId="{95530BF6-7B0F-4B38-B195-2EC44C86BC40}" srcId="{E29183AB-5DEB-4BEE-8117-1DDB41C6E28D}" destId="{84A6DB23-D2FD-4A6D-9998-62FF8E2A6CE4}" srcOrd="0" destOrd="0" parTransId="{44DCC59A-4EC1-4648-8664-29687AF170CD}" sibTransId="{051BED2C-CC10-434C-A6A5-DC5F6AFA2D85}"/>
    <dgm:cxn modelId="{25F66BF7-97CC-48B1-8C6C-AEAFFF588508}" srcId="{84A6DB23-D2FD-4A6D-9998-62FF8E2A6CE4}" destId="{E5F8328F-3D3D-46DF-BDA7-95A2B044CD33}" srcOrd="2" destOrd="0" parTransId="{C78A5FA6-FFF4-4D76-A9F1-7228BBF10866}" sibTransId="{F58B2A6B-735A-48FC-A78C-FE91934CA7CA}"/>
    <dgm:cxn modelId="{89F6D9FC-AFFD-44DA-A84C-716C80B9EA95}" type="presOf" srcId="{6A233B8A-4769-41D7-83E1-AB09617ACB2B}" destId="{74B0355C-BA84-4FC1-871D-9F0204339D13}" srcOrd="0" destOrd="1" presId="urn:microsoft.com/office/officeart/2016/7/layout/RoundedRectangleTimeline"/>
    <dgm:cxn modelId="{E2B59BD7-1646-4DAC-87FD-8D95F9AA08B5}" type="presParOf" srcId="{09E12EED-4F71-4D5E-894B-4121093B51C0}" destId="{77D15997-5396-433B-AE86-2D940A0BD978}" srcOrd="0" destOrd="0" presId="urn:microsoft.com/office/officeart/2016/7/layout/RoundedRectangleTimeline"/>
    <dgm:cxn modelId="{13AED10F-48CA-4DDA-9DB2-7967309877FE}" type="presParOf" srcId="{77D15997-5396-433B-AE86-2D940A0BD978}" destId="{6B4F8948-659D-47F8-BADF-0541CFB8B5AB}" srcOrd="0" destOrd="0" presId="urn:microsoft.com/office/officeart/2016/7/layout/RoundedRectangleTimeline"/>
    <dgm:cxn modelId="{D9819F0B-8519-49F2-AA97-4391150BBCDD}" type="presParOf" srcId="{77D15997-5396-433B-AE86-2D940A0BD978}" destId="{D69E0CDA-3CB9-4C07-A59A-8323008564E9}" srcOrd="1" destOrd="0" presId="urn:microsoft.com/office/officeart/2016/7/layout/RoundedRectangleTimeline"/>
    <dgm:cxn modelId="{48B033E3-C0B3-4966-8C9B-7882F5D5BA0D}" type="presParOf" srcId="{77D15997-5396-433B-AE86-2D940A0BD978}" destId="{5BB86F35-5B0F-40BF-9266-C020286D8DDA}" srcOrd="2" destOrd="0" presId="urn:microsoft.com/office/officeart/2016/7/layout/RoundedRectangleTimeline"/>
    <dgm:cxn modelId="{13D36697-B759-41E0-AE26-3BA6BB3608CE}" type="presParOf" srcId="{77D15997-5396-433B-AE86-2D940A0BD978}" destId="{A1F4CE60-7C50-446F-8975-DE12A3190AC1}" srcOrd="3" destOrd="0" presId="urn:microsoft.com/office/officeart/2016/7/layout/RoundedRectangleTimeline"/>
    <dgm:cxn modelId="{375070D9-0A0B-4640-9C84-89A080CA305E}" type="presParOf" srcId="{77D15997-5396-433B-AE86-2D940A0BD978}" destId="{AABF9256-4DF4-4DA8-A1DE-62CC1B66D3AB}" srcOrd="4" destOrd="0" presId="urn:microsoft.com/office/officeart/2016/7/layout/RoundedRectangleTimeline"/>
    <dgm:cxn modelId="{E895DF48-5F82-45A7-898A-5E452F0F0905}" type="presParOf" srcId="{09E12EED-4F71-4D5E-894B-4121093B51C0}" destId="{FC8575DF-C893-4964-A7AF-B709F6FB075F}" srcOrd="1" destOrd="0" presId="urn:microsoft.com/office/officeart/2016/7/layout/RoundedRectangleTimeline"/>
    <dgm:cxn modelId="{AECF0700-EFC6-49F1-8065-5117084BB196}" type="presParOf" srcId="{09E12EED-4F71-4D5E-894B-4121093B51C0}" destId="{92FD219D-C22A-403D-A564-5FE140E94C93}" srcOrd="2" destOrd="0" presId="urn:microsoft.com/office/officeart/2016/7/layout/RoundedRectangleTimeline"/>
    <dgm:cxn modelId="{5EC70A13-FDBC-4242-BA8E-617D8B085117}" type="presParOf" srcId="{92FD219D-C22A-403D-A564-5FE140E94C93}" destId="{EDD14ABB-DAB5-4224-8EA2-738260400FAC}" srcOrd="0" destOrd="0" presId="urn:microsoft.com/office/officeart/2016/7/layout/RoundedRectangleTimeline"/>
    <dgm:cxn modelId="{6D20E4C2-9EC8-43F2-8B99-B0A5C5BB91FC}" type="presParOf" srcId="{92FD219D-C22A-403D-A564-5FE140E94C93}" destId="{74B0355C-BA84-4FC1-871D-9F0204339D13}" srcOrd="1" destOrd="0" presId="urn:microsoft.com/office/officeart/2016/7/layout/RoundedRectangleTimeline"/>
    <dgm:cxn modelId="{EAECB644-9EF2-4432-8B57-CDFB3A4E4269}" type="presParOf" srcId="{92FD219D-C22A-403D-A564-5FE140E94C93}" destId="{45D46B8F-B40C-4005-B147-2480EA7CE23A}" srcOrd="2" destOrd="0" presId="urn:microsoft.com/office/officeart/2016/7/layout/RoundedRectangleTimeline"/>
    <dgm:cxn modelId="{A09DDF28-2971-4F9A-B3AB-4619561C01B9}" type="presParOf" srcId="{92FD219D-C22A-403D-A564-5FE140E94C93}" destId="{867AB0E0-8989-43E7-B81F-CD8E927F23C8}" srcOrd="3" destOrd="0" presId="urn:microsoft.com/office/officeart/2016/7/layout/RoundedRectangleTimeline"/>
    <dgm:cxn modelId="{855C886D-EC0B-46C6-A0F0-D66BF1A0715A}" type="presParOf" srcId="{92FD219D-C22A-403D-A564-5FE140E94C93}" destId="{66A9A5C2-4CBC-408B-8257-C810F04929E6}" srcOrd="4" destOrd="0" presId="urn:microsoft.com/office/officeart/2016/7/layout/RoundedRectangleTimeline"/>
    <dgm:cxn modelId="{4681E342-5743-4EBE-AA4F-852F91DDFAE5}" type="presParOf" srcId="{09E12EED-4F71-4D5E-894B-4121093B51C0}" destId="{644733A9-6A39-48E3-A62A-8D1F315248CD}" srcOrd="3" destOrd="0" presId="urn:microsoft.com/office/officeart/2016/7/layout/RoundedRectangleTimeline"/>
    <dgm:cxn modelId="{A96FBD84-2F6F-44B4-94FC-22171171E253}" type="presParOf" srcId="{09E12EED-4F71-4D5E-894B-4121093B51C0}" destId="{863BDA38-CB3B-4577-99DB-D68C9D2E17E0}" srcOrd="4" destOrd="0" presId="urn:microsoft.com/office/officeart/2016/7/layout/RoundedRectangleTimeline"/>
    <dgm:cxn modelId="{573CB1BA-0EF4-4D55-A35E-12C2C628238F}" type="presParOf" srcId="{863BDA38-CB3B-4577-99DB-D68C9D2E17E0}" destId="{0409044A-6973-486D-8AD3-CE5696608999}" srcOrd="0" destOrd="0" presId="urn:microsoft.com/office/officeart/2016/7/layout/RoundedRectangleTimeline"/>
    <dgm:cxn modelId="{A2B64B42-CAC7-421B-9D69-49F9A2D1B861}" type="presParOf" srcId="{863BDA38-CB3B-4577-99DB-D68C9D2E17E0}" destId="{46F65765-F57C-4A4F-ACA1-BE58065B87DF}" srcOrd="1" destOrd="0" presId="urn:microsoft.com/office/officeart/2016/7/layout/RoundedRectangleTimeline"/>
    <dgm:cxn modelId="{37B3CBD4-8176-4AD7-849D-F61128636419}" type="presParOf" srcId="{863BDA38-CB3B-4577-99DB-D68C9D2E17E0}" destId="{892C11BB-05DA-4F2B-904E-5C5820D90FBF}" srcOrd="2" destOrd="0" presId="urn:microsoft.com/office/officeart/2016/7/layout/RoundedRectangleTimeline"/>
    <dgm:cxn modelId="{9C76A9F2-FAE7-41A7-A051-403762CCAF1F}" type="presParOf" srcId="{863BDA38-CB3B-4577-99DB-D68C9D2E17E0}" destId="{C6699067-66CC-4442-A0BF-78E064BDA124}" srcOrd="3" destOrd="0" presId="urn:microsoft.com/office/officeart/2016/7/layout/RoundedRectangleTimeline"/>
    <dgm:cxn modelId="{34BEC136-160B-4B60-BF7A-05DFC6B2BA2E}" type="presParOf" srcId="{863BDA38-CB3B-4577-99DB-D68C9D2E17E0}" destId="{1A9B96D1-C42C-4CCA-92E4-6857C58FF43E}" srcOrd="4" destOrd="0" presId="urn:microsoft.com/office/officeart/2016/7/layout/RoundedRectangleTimeline"/>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37401CC1-360B-41BF-B3EF-68F2A9FFE1B6}" type="doc">
      <dgm:prSet loTypeId="urn:microsoft.com/office/officeart/2005/8/layout/vList2" loCatId="list" qsTypeId="urn:microsoft.com/office/officeart/2005/8/quickstyle/simple2" qsCatId="simple" csTypeId="urn:microsoft.com/office/officeart/2005/8/colors/colorful5" csCatId="colorful" phldr="1"/>
      <dgm:spPr/>
      <dgm:t>
        <a:bodyPr/>
        <a:lstStyle/>
        <a:p>
          <a:endParaRPr lang="en-US"/>
        </a:p>
      </dgm:t>
    </dgm:pt>
    <dgm:pt modelId="{6098759C-3B2C-42FC-9D3A-4CBBA619B337}">
      <dgm:prSet phldrT="[Text]"/>
      <dgm:spPr/>
      <dgm:t>
        <a:bodyPr/>
        <a:lstStyle/>
        <a:p>
          <a:r>
            <a:rPr lang="en-US" dirty="0"/>
            <a:t>2023</a:t>
          </a:r>
        </a:p>
      </dgm:t>
    </dgm:pt>
    <dgm:pt modelId="{59E4263D-0636-4AB7-B876-09070D1B8822}" type="parTrans" cxnId="{666EDFC0-D3C0-4CA2-83BD-819F1600D4C1}">
      <dgm:prSet/>
      <dgm:spPr/>
      <dgm:t>
        <a:bodyPr/>
        <a:lstStyle/>
        <a:p>
          <a:endParaRPr lang="en-US"/>
        </a:p>
      </dgm:t>
    </dgm:pt>
    <dgm:pt modelId="{AEBB4689-1422-48E6-9F9E-B82626AAE0D2}" type="sibTrans" cxnId="{666EDFC0-D3C0-4CA2-83BD-819F1600D4C1}">
      <dgm:prSet/>
      <dgm:spPr/>
      <dgm:t>
        <a:bodyPr/>
        <a:lstStyle/>
        <a:p>
          <a:endParaRPr lang="en-US"/>
        </a:p>
      </dgm:t>
    </dgm:pt>
    <dgm:pt modelId="{2D460896-91CF-47EF-9DD3-D46D4D9F1AC7}">
      <dgm:prSet phldrT="[Text]"/>
      <dgm:spPr/>
      <dgm:t>
        <a:bodyPr/>
        <a:lstStyle/>
        <a:p>
          <a:r>
            <a:rPr lang="en-US" dirty="0"/>
            <a:t>St. Margaret Health – Peru (364/</a:t>
          </a:r>
          <a:r>
            <a:rPr lang="en-US" dirty="0" err="1"/>
            <a:t>yr</a:t>
          </a:r>
          <a:r>
            <a:rPr lang="en-US" dirty="0"/>
            <a:t>)</a:t>
          </a:r>
        </a:p>
      </dgm:t>
    </dgm:pt>
    <dgm:pt modelId="{E75FE0F6-BC31-42E5-9919-C7B1F6BEFB69}" type="parTrans" cxnId="{80AE0884-9600-4378-8CD9-44B22B6C3EE2}">
      <dgm:prSet/>
      <dgm:spPr/>
      <dgm:t>
        <a:bodyPr/>
        <a:lstStyle/>
        <a:p>
          <a:endParaRPr lang="en-US"/>
        </a:p>
      </dgm:t>
    </dgm:pt>
    <dgm:pt modelId="{447A9D23-7FC6-4B61-BB2F-953A29011320}" type="sibTrans" cxnId="{80AE0884-9600-4378-8CD9-44B22B6C3EE2}">
      <dgm:prSet/>
      <dgm:spPr/>
      <dgm:t>
        <a:bodyPr/>
        <a:lstStyle/>
        <a:p>
          <a:endParaRPr lang="en-US"/>
        </a:p>
      </dgm:t>
    </dgm:pt>
    <dgm:pt modelId="{177239E4-34F5-417D-B7FD-16D39509B54F}">
      <dgm:prSet phldrT="[Text]"/>
      <dgm:spPr/>
      <dgm:t>
        <a:bodyPr/>
        <a:lstStyle/>
        <a:p>
          <a:r>
            <a:rPr lang="en-US" dirty="0"/>
            <a:t>2022</a:t>
          </a:r>
        </a:p>
      </dgm:t>
    </dgm:pt>
    <dgm:pt modelId="{155E63BE-DDF7-4117-80D5-E8BA976B3B9D}" type="sibTrans" cxnId="{E6AF27AE-2AA2-46C2-8165-7E642AC9414D}">
      <dgm:prSet/>
      <dgm:spPr/>
      <dgm:t>
        <a:bodyPr/>
        <a:lstStyle/>
        <a:p>
          <a:endParaRPr lang="en-US"/>
        </a:p>
      </dgm:t>
    </dgm:pt>
    <dgm:pt modelId="{D15CA3C2-0E3F-40A0-A4D5-C02CD1274468}" type="parTrans" cxnId="{E6AF27AE-2AA2-46C2-8165-7E642AC9414D}">
      <dgm:prSet/>
      <dgm:spPr/>
      <dgm:t>
        <a:bodyPr/>
        <a:lstStyle/>
        <a:p>
          <a:endParaRPr lang="en-US"/>
        </a:p>
      </dgm:t>
    </dgm:pt>
    <dgm:pt modelId="{60ECCD2A-6E43-4831-A2F2-FC3515FDF419}">
      <dgm:prSet phldrT="[Text]"/>
      <dgm:spPr/>
      <dgm:t>
        <a:bodyPr/>
        <a:lstStyle/>
        <a:p>
          <a:endParaRPr lang="en-US" dirty="0"/>
        </a:p>
      </dgm:t>
    </dgm:pt>
    <dgm:pt modelId="{172A9E60-D38A-42E7-BB36-5BB7BA976904}" type="sibTrans" cxnId="{A1ED2167-C415-4F44-9AA9-00CACA150A6A}">
      <dgm:prSet/>
      <dgm:spPr/>
      <dgm:t>
        <a:bodyPr/>
        <a:lstStyle/>
        <a:p>
          <a:endParaRPr lang="en-US"/>
        </a:p>
      </dgm:t>
    </dgm:pt>
    <dgm:pt modelId="{F7D90523-9214-4EFD-90C6-47ADC603E8CA}" type="parTrans" cxnId="{A1ED2167-C415-4F44-9AA9-00CACA150A6A}">
      <dgm:prSet/>
      <dgm:spPr/>
      <dgm:t>
        <a:bodyPr/>
        <a:lstStyle/>
        <a:p>
          <a:endParaRPr lang="en-US"/>
        </a:p>
      </dgm:t>
    </dgm:pt>
    <dgm:pt modelId="{79938E1E-5AB3-4B42-B872-338ECDEE6597}">
      <dgm:prSet phldrT="[Text]"/>
      <dgm:spPr/>
      <dgm:t>
        <a:bodyPr/>
        <a:lstStyle/>
        <a:p>
          <a:r>
            <a:rPr lang="en-US" dirty="0"/>
            <a:t>St. Margaret Health – Spring Valley (269/</a:t>
          </a:r>
          <a:r>
            <a:rPr lang="en-US" dirty="0" err="1"/>
            <a:t>yr</a:t>
          </a:r>
          <a:r>
            <a:rPr lang="en-US" dirty="0"/>
            <a:t>)</a:t>
          </a:r>
        </a:p>
      </dgm:t>
    </dgm:pt>
    <dgm:pt modelId="{48BBB2FA-8AC0-498E-9A62-5B3E8B962CE7}" type="sibTrans" cxnId="{15F2ED26-3DFD-4B9C-8E6F-9AC57ADB2DD1}">
      <dgm:prSet/>
      <dgm:spPr/>
      <dgm:t>
        <a:bodyPr/>
        <a:lstStyle/>
        <a:p>
          <a:endParaRPr lang="en-US"/>
        </a:p>
      </dgm:t>
    </dgm:pt>
    <dgm:pt modelId="{B3D8ECCE-A0FA-4AB1-AA52-4D55131F841C}" type="parTrans" cxnId="{15F2ED26-3DFD-4B9C-8E6F-9AC57ADB2DD1}">
      <dgm:prSet/>
      <dgm:spPr/>
      <dgm:t>
        <a:bodyPr/>
        <a:lstStyle/>
        <a:p>
          <a:endParaRPr lang="en-US"/>
        </a:p>
      </dgm:t>
    </dgm:pt>
    <dgm:pt modelId="{EB916127-0883-49EE-8086-5E97F44DBA3F}">
      <dgm:prSet phldrT="[Text]"/>
      <dgm:spPr/>
      <dgm:t>
        <a:bodyPr/>
        <a:lstStyle/>
        <a:p>
          <a:endParaRPr lang="en-US" dirty="0"/>
        </a:p>
      </dgm:t>
    </dgm:pt>
    <dgm:pt modelId="{55C386AF-5851-45AB-A9CC-D0E89DDDA6A8}" type="sibTrans" cxnId="{E8CC8496-3B6E-4724-B84A-8760A45807DF}">
      <dgm:prSet/>
      <dgm:spPr/>
      <dgm:t>
        <a:bodyPr/>
        <a:lstStyle/>
        <a:p>
          <a:endParaRPr lang="en-US"/>
        </a:p>
      </dgm:t>
    </dgm:pt>
    <dgm:pt modelId="{280A6CB8-D507-45B2-90BD-9951D53CA6BF}" type="parTrans" cxnId="{E8CC8496-3B6E-4724-B84A-8760A45807DF}">
      <dgm:prSet/>
      <dgm:spPr/>
      <dgm:t>
        <a:bodyPr/>
        <a:lstStyle/>
        <a:p>
          <a:endParaRPr lang="en-US"/>
        </a:p>
      </dgm:t>
    </dgm:pt>
    <dgm:pt modelId="{813AC574-EDAF-437D-9C38-389583E8CA3F}">
      <dgm:prSet phldrT="[Text]"/>
      <dgm:spPr/>
      <dgm:t>
        <a:bodyPr/>
        <a:lstStyle/>
        <a:p>
          <a:r>
            <a:rPr lang="en-US" dirty="0"/>
            <a:t>Memorial Hospital – Carthage (101/</a:t>
          </a:r>
          <a:r>
            <a:rPr lang="en-US" dirty="0" err="1"/>
            <a:t>yr</a:t>
          </a:r>
          <a:r>
            <a:rPr lang="en-US" dirty="0"/>
            <a:t>)</a:t>
          </a:r>
        </a:p>
      </dgm:t>
    </dgm:pt>
    <dgm:pt modelId="{E1FE2F26-DAB7-46B7-8036-BD53CB8291C9}" type="parTrans" cxnId="{DE75E405-0544-498E-AAA6-298C5078EBA3}">
      <dgm:prSet/>
      <dgm:spPr/>
    </dgm:pt>
    <dgm:pt modelId="{503E64F9-CB1F-4300-A6D4-F27F4A6DB4D3}" type="sibTrans" cxnId="{DE75E405-0544-498E-AAA6-298C5078EBA3}">
      <dgm:prSet/>
      <dgm:spPr/>
      <dgm:t>
        <a:bodyPr/>
        <a:lstStyle/>
        <a:p>
          <a:endParaRPr lang="en-US"/>
        </a:p>
      </dgm:t>
    </dgm:pt>
    <dgm:pt modelId="{88A98E9B-930F-4CB1-9E00-F32F104EDA16}">
      <dgm:prSet phldrT="[Text]"/>
      <dgm:spPr/>
      <dgm:t>
        <a:bodyPr/>
        <a:lstStyle/>
        <a:p>
          <a:r>
            <a:rPr lang="en-US" dirty="0"/>
            <a:t>OSF Heart of Mary – Urbana (209/</a:t>
          </a:r>
          <a:r>
            <a:rPr lang="en-US" dirty="0" err="1"/>
            <a:t>yr</a:t>
          </a:r>
          <a:r>
            <a:rPr lang="en-US" dirty="0"/>
            <a:t>)</a:t>
          </a:r>
        </a:p>
      </dgm:t>
    </dgm:pt>
    <dgm:pt modelId="{1D454C25-76F0-458F-BBC3-6225E9179E48}" type="parTrans" cxnId="{0177F6A3-ACB1-419E-B8C6-5ED19F5AFCCE}">
      <dgm:prSet/>
      <dgm:spPr/>
    </dgm:pt>
    <dgm:pt modelId="{799DCF52-CE61-42B2-9958-C308ECD47E09}" type="sibTrans" cxnId="{0177F6A3-ACB1-419E-B8C6-5ED19F5AFCCE}">
      <dgm:prSet/>
      <dgm:spPr/>
      <dgm:t>
        <a:bodyPr/>
        <a:lstStyle/>
        <a:p>
          <a:endParaRPr lang="en-US"/>
        </a:p>
      </dgm:t>
    </dgm:pt>
    <dgm:pt modelId="{AAFE5EB3-5036-4BE2-8FCC-100A5F1379E2}">
      <dgm:prSet phldrT="[Text]"/>
      <dgm:spPr/>
      <dgm:t>
        <a:bodyPr/>
        <a:lstStyle/>
        <a:p>
          <a:r>
            <a:rPr lang="en-US" dirty="0"/>
            <a:t>OSF St. James – Pontiac (77/</a:t>
          </a:r>
          <a:r>
            <a:rPr lang="en-US" dirty="0" err="1"/>
            <a:t>yr</a:t>
          </a:r>
          <a:r>
            <a:rPr lang="en-US" dirty="0"/>
            <a:t>)</a:t>
          </a:r>
        </a:p>
      </dgm:t>
    </dgm:pt>
    <dgm:pt modelId="{AFBA72B3-787D-43E6-BA39-171FB0371E11}" type="parTrans" cxnId="{12CD0FAC-9651-42E5-B3D0-5A7D05BC08F2}">
      <dgm:prSet/>
      <dgm:spPr/>
    </dgm:pt>
    <dgm:pt modelId="{738585D1-3B91-4854-BC82-B27E994DF056}" type="sibTrans" cxnId="{12CD0FAC-9651-42E5-B3D0-5A7D05BC08F2}">
      <dgm:prSet/>
      <dgm:spPr/>
      <dgm:t>
        <a:bodyPr/>
        <a:lstStyle/>
        <a:p>
          <a:endParaRPr lang="en-US"/>
        </a:p>
      </dgm:t>
    </dgm:pt>
    <dgm:pt modelId="{2FC325D9-D0A1-4AF5-9E80-8CFA31E7A620}" type="pres">
      <dgm:prSet presAssocID="{37401CC1-360B-41BF-B3EF-68F2A9FFE1B6}" presName="linear" presStyleCnt="0">
        <dgm:presLayoutVars>
          <dgm:animLvl val="lvl"/>
          <dgm:resizeHandles val="exact"/>
        </dgm:presLayoutVars>
      </dgm:prSet>
      <dgm:spPr/>
    </dgm:pt>
    <dgm:pt modelId="{259F2E8E-A313-46CC-AB9B-96DE714313BD}" type="pres">
      <dgm:prSet presAssocID="{177239E4-34F5-417D-B7FD-16D39509B54F}" presName="parentText" presStyleLbl="node1" presStyleIdx="0" presStyleCnt="2">
        <dgm:presLayoutVars>
          <dgm:chMax val="0"/>
          <dgm:bulletEnabled val="1"/>
        </dgm:presLayoutVars>
      </dgm:prSet>
      <dgm:spPr/>
    </dgm:pt>
    <dgm:pt modelId="{EC0E8F9B-F388-40FA-8C60-A43488DBDA5E}" type="pres">
      <dgm:prSet presAssocID="{177239E4-34F5-417D-B7FD-16D39509B54F}" presName="childText" presStyleLbl="revTx" presStyleIdx="0" presStyleCnt="2">
        <dgm:presLayoutVars>
          <dgm:bulletEnabled val="1"/>
        </dgm:presLayoutVars>
      </dgm:prSet>
      <dgm:spPr/>
    </dgm:pt>
    <dgm:pt modelId="{72D33888-A35D-4F16-9F8B-2E2EDDD19F98}" type="pres">
      <dgm:prSet presAssocID="{6098759C-3B2C-42FC-9D3A-4CBBA619B337}" presName="parentText" presStyleLbl="node1" presStyleIdx="1" presStyleCnt="2">
        <dgm:presLayoutVars>
          <dgm:chMax val="0"/>
          <dgm:bulletEnabled val="1"/>
        </dgm:presLayoutVars>
      </dgm:prSet>
      <dgm:spPr/>
    </dgm:pt>
    <dgm:pt modelId="{D0A0813B-B255-4BBD-8FA6-C8B63125A777}" type="pres">
      <dgm:prSet presAssocID="{6098759C-3B2C-42FC-9D3A-4CBBA619B337}" presName="childText" presStyleLbl="revTx" presStyleIdx="1" presStyleCnt="2">
        <dgm:presLayoutVars>
          <dgm:bulletEnabled val="1"/>
        </dgm:presLayoutVars>
      </dgm:prSet>
      <dgm:spPr/>
    </dgm:pt>
  </dgm:ptLst>
  <dgm:cxnLst>
    <dgm:cxn modelId="{DE75E405-0544-498E-AAA6-298C5078EBA3}" srcId="{177239E4-34F5-417D-B7FD-16D39509B54F}" destId="{813AC574-EDAF-437D-9C38-389583E8CA3F}" srcOrd="2" destOrd="0" parTransId="{E1FE2F26-DAB7-46B7-8036-BD53CB8291C9}" sibTransId="{503E64F9-CB1F-4300-A6D4-F27F4A6DB4D3}"/>
    <dgm:cxn modelId="{C60FAF0B-40BA-46C6-9284-EFFB1ED1B406}" type="presOf" srcId="{2D460896-91CF-47EF-9DD3-D46D4D9F1AC7}" destId="{D0A0813B-B255-4BBD-8FA6-C8B63125A777}" srcOrd="0" destOrd="0" presId="urn:microsoft.com/office/officeart/2005/8/layout/vList2"/>
    <dgm:cxn modelId="{0E8E3710-05EC-4B6D-9E4E-5C25ACF34CEE}" type="presOf" srcId="{EB916127-0883-49EE-8086-5E97F44DBA3F}" destId="{EC0E8F9B-F388-40FA-8C60-A43488DBDA5E}" srcOrd="0" destOrd="3" presId="urn:microsoft.com/office/officeart/2005/8/layout/vList2"/>
    <dgm:cxn modelId="{15F2ED26-3DFD-4B9C-8E6F-9AC57ADB2DD1}" srcId="{177239E4-34F5-417D-B7FD-16D39509B54F}" destId="{79938E1E-5AB3-4B42-B872-338ECDEE6597}" srcOrd="1" destOrd="0" parTransId="{B3D8ECCE-A0FA-4AB1-AA52-4D55131F841C}" sibTransId="{48BBB2FA-8AC0-498E-9A62-5B3E8B962CE7}"/>
    <dgm:cxn modelId="{06BECA3F-131F-4C2F-9EBF-920F268EA67F}" type="presOf" srcId="{813AC574-EDAF-437D-9C38-389583E8CA3F}" destId="{EC0E8F9B-F388-40FA-8C60-A43488DBDA5E}" srcOrd="0" destOrd="2" presId="urn:microsoft.com/office/officeart/2005/8/layout/vList2"/>
    <dgm:cxn modelId="{9756195B-2B3D-410A-933E-C8903F77D340}" type="presOf" srcId="{60ECCD2A-6E43-4831-A2F2-FC3515FDF419}" destId="{EC0E8F9B-F388-40FA-8C60-A43488DBDA5E}" srcOrd="0" destOrd="0" presId="urn:microsoft.com/office/officeart/2005/8/layout/vList2"/>
    <dgm:cxn modelId="{CC6AE846-9C45-48F0-991F-D8C092CFD0A1}" type="presOf" srcId="{88A98E9B-930F-4CB1-9E00-F32F104EDA16}" destId="{D0A0813B-B255-4BBD-8FA6-C8B63125A777}" srcOrd="0" destOrd="1" presId="urn:microsoft.com/office/officeart/2005/8/layout/vList2"/>
    <dgm:cxn modelId="{A1ED2167-C415-4F44-9AA9-00CACA150A6A}" srcId="{177239E4-34F5-417D-B7FD-16D39509B54F}" destId="{60ECCD2A-6E43-4831-A2F2-FC3515FDF419}" srcOrd="0" destOrd="0" parTransId="{F7D90523-9214-4EFD-90C6-47ADC603E8CA}" sibTransId="{172A9E60-D38A-42E7-BB36-5BB7BA976904}"/>
    <dgm:cxn modelId="{80AE0884-9600-4378-8CD9-44B22B6C3EE2}" srcId="{6098759C-3B2C-42FC-9D3A-4CBBA619B337}" destId="{2D460896-91CF-47EF-9DD3-D46D4D9F1AC7}" srcOrd="0" destOrd="0" parTransId="{E75FE0F6-BC31-42E5-9919-C7B1F6BEFB69}" sibTransId="{447A9D23-7FC6-4B61-BB2F-953A29011320}"/>
    <dgm:cxn modelId="{CC5F1085-C2CF-428F-8491-939BCA77C8CD}" type="presOf" srcId="{79938E1E-5AB3-4B42-B872-338ECDEE6597}" destId="{EC0E8F9B-F388-40FA-8C60-A43488DBDA5E}" srcOrd="0" destOrd="1" presId="urn:microsoft.com/office/officeart/2005/8/layout/vList2"/>
    <dgm:cxn modelId="{E8CC8496-3B6E-4724-B84A-8760A45807DF}" srcId="{177239E4-34F5-417D-B7FD-16D39509B54F}" destId="{EB916127-0883-49EE-8086-5E97F44DBA3F}" srcOrd="3" destOrd="0" parTransId="{280A6CB8-D507-45B2-90BD-9951D53CA6BF}" sibTransId="{55C386AF-5851-45AB-A9CC-D0E89DDDA6A8}"/>
    <dgm:cxn modelId="{0177F6A3-ACB1-419E-B8C6-5ED19F5AFCCE}" srcId="{6098759C-3B2C-42FC-9D3A-4CBBA619B337}" destId="{88A98E9B-930F-4CB1-9E00-F32F104EDA16}" srcOrd="1" destOrd="0" parTransId="{1D454C25-76F0-458F-BBC3-6225E9179E48}" sibTransId="{799DCF52-CE61-42B2-9958-C308ECD47E09}"/>
    <dgm:cxn modelId="{12CD0FAC-9651-42E5-B3D0-5A7D05BC08F2}" srcId="{6098759C-3B2C-42FC-9D3A-4CBBA619B337}" destId="{AAFE5EB3-5036-4BE2-8FCC-100A5F1379E2}" srcOrd="2" destOrd="0" parTransId="{AFBA72B3-787D-43E6-BA39-171FB0371E11}" sibTransId="{738585D1-3B91-4854-BC82-B27E994DF056}"/>
    <dgm:cxn modelId="{E6AF27AE-2AA2-46C2-8165-7E642AC9414D}" srcId="{37401CC1-360B-41BF-B3EF-68F2A9FFE1B6}" destId="{177239E4-34F5-417D-B7FD-16D39509B54F}" srcOrd="0" destOrd="0" parTransId="{D15CA3C2-0E3F-40A0-A4D5-C02CD1274468}" sibTransId="{155E63BE-DDF7-4117-80D5-E8BA976B3B9D}"/>
    <dgm:cxn modelId="{6C3C03B1-3CA0-4CDF-86C5-DDD5A1745BC9}" type="presOf" srcId="{6098759C-3B2C-42FC-9D3A-4CBBA619B337}" destId="{72D33888-A35D-4F16-9F8B-2E2EDDD19F98}" srcOrd="0" destOrd="0" presId="urn:microsoft.com/office/officeart/2005/8/layout/vList2"/>
    <dgm:cxn modelId="{2DC731B3-5959-472B-A6B5-9C964973B97A}" type="presOf" srcId="{AAFE5EB3-5036-4BE2-8FCC-100A5F1379E2}" destId="{D0A0813B-B255-4BBD-8FA6-C8B63125A777}" srcOrd="0" destOrd="2" presId="urn:microsoft.com/office/officeart/2005/8/layout/vList2"/>
    <dgm:cxn modelId="{666EDFC0-D3C0-4CA2-83BD-819F1600D4C1}" srcId="{37401CC1-360B-41BF-B3EF-68F2A9FFE1B6}" destId="{6098759C-3B2C-42FC-9D3A-4CBBA619B337}" srcOrd="1" destOrd="0" parTransId="{59E4263D-0636-4AB7-B876-09070D1B8822}" sibTransId="{AEBB4689-1422-48E6-9F9E-B82626AAE0D2}"/>
    <dgm:cxn modelId="{560239C4-A240-4D97-A4A8-05BED2F032A9}" type="presOf" srcId="{37401CC1-360B-41BF-B3EF-68F2A9FFE1B6}" destId="{2FC325D9-D0A1-4AF5-9E80-8CFA31E7A620}" srcOrd="0" destOrd="0" presId="urn:microsoft.com/office/officeart/2005/8/layout/vList2"/>
    <dgm:cxn modelId="{1E7A1DE9-9D1F-4DF4-86EA-1ECF2D1150B5}" type="presOf" srcId="{177239E4-34F5-417D-B7FD-16D39509B54F}" destId="{259F2E8E-A313-46CC-AB9B-96DE714313BD}" srcOrd="0" destOrd="0" presId="urn:microsoft.com/office/officeart/2005/8/layout/vList2"/>
    <dgm:cxn modelId="{753313FE-B357-4D22-A895-9925063671FB}" type="presParOf" srcId="{2FC325D9-D0A1-4AF5-9E80-8CFA31E7A620}" destId="{259F2E8E-A313-46CC-AB9B-96DE714313BD}" srcOrd="0" destOrd="0" presId="urn:microsoft.com/office/officeart/2005/8/layout/vList2"/>
    <dgm:cxn modelId="{0B0048B5-604E-49B7-BEE2-B4BD37F90997}" type="presParOf" srcId="{2FC325D9-D0A1-4AF5-9E80-8CFA31E7A620}" destId="{EC0E8F9B-F388-40FA-8C60-A43488DBDA5E}" srcOrd="1" destOrd="0" presId="urn:microsoft.com/office/officeart/2005/8/layout/vList2"/>
    <dgm:cxn modelId="{0EFA8440-CEE5-4AE9-A7B1-A4955494AA7C}" type="presParOf" srcId="{2FC325D9-D0A1-4AF5-9E80-8CFA31E7A620}" destId="{72D33888-A35D-4F16-9F8B-2E2EDDD19F98}" srcOrd="2" destOrd="0" presId="urn:microsoft.com/office/officeart/2005/8/layout/vList2"/>
    <dgm:cxn modelId="{60C80736-8B4C-419D-90CB-76AC199ACE16}" type="presParOf" srcId="{2FC325D9-D0A1-4AF5-9E80-8CFA31E7A620}" destId="{D0A0813B-B255-4BBD-8FA6-C8B63125A777}" srcOrd="3"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B4F8948-659D-47F8-BADF-0541CFB8B5AB}">
      <dsp:nvSpPr>
        <dsp:cNvPr id="0" name=""/>
        <dsp:cNvSpPr/>
      </dsp:nvSpPr>
      <dsp:spPr>
        <a:xfrm rot="16200000">
          <a:off x="2175142" y="743123"/>
          <a:ext cx="435133" cy="2865090"/>
        </a:xfrm>
        <a:prstGeom prst="round2SameRect">
          <a:avLst/>
        </a:prstGeom>
        <a:solidFill>
          <a:schemeClr val="accent5">
            <a:hueOff val="0"/>
            <a:satOff val="0"/>
            <a:lumOff val="0"/>
            <a:alphaOff val="0"/>
          </a:schemeClr>
        </a:solidFill>
        <a:ln w="12700" cap="flat" cmpd="sng" algn="ctr">
          <a:solidFill>
            <a:schemeClr val="accent5">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1">
          <a:noAutofit/>
        </a:bodyPr>
        <a:lstStyle/>
        <a:p>
          <a:pPr marL="0" lvl="0" indent="0" algn="ctr" defTabSz="577850">
            <a:lnSpc>
              <a:spcPct val="90000"/>
            </a:lnSpc>
            <a:spcBef>
              <a:spcPct val="0"/>
            </a:spcBef>
            <a:spcAft>
              <a:spcPct val="35000"/>
            </a:spcAft>
            <a:buNone/>
          </a:pPr>
          <a:r>
            <a:rPr lang="en-US" sz="1300" kern="1200"/>
            <a:t>2014</a:t>
          </a:r>
        </a:p>
      </dsp:txBody>
      <dsp:txXfrm rot="5400000">
        <a:off x="981405" y="1979343"/>
        <a:ext cx="2843849" cy="392651"/>
      </dsp:txXfrm>
    </dsp:sp>
    <dsp:sp modelId="{D69E0CDA-3CB9-4C07-A59A-8323008564E9}">
      <dsp:nvSpPr>
        <dsp:cNvPr id="0" name=""/>
        <dsp:cNvSpPr/>
      </dsp:nvSpPr>
      <dsp:spPr>
        <a:xfrm>
          <a:off x="5134" y="0"/>
          <a:ext cx="4775150" cy="152296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99060" numCol="1" spcCol="1270" anchor="b" anchorCtr="1">
          <a:noAutofit/>
        </a:bodyPr>
        <a:lstStyle/>
        <a:p>
          <a:pPr marL="0" lvl="0" indent="0" algn="ctr" defTabSz="577850">
            <a:lnSpc>
              <a:spcPct val="90000"/>
            </a:lnSpc>
            <a:spcBef>
              <a:spcPct val="0"/>
            </a:spcBef>
            <a:spcAft>
              <a:spcPct val="35000"/>
            </a:spcAft>
            <a:buNone/>
          </a:pPr>
          <a:r>
            <a:rPr lang="en-US" sz="1300" kern="1200"/>
            <a:t>Perry Memorial – Princeton (85/yr)</a:t>
          </a:r>
        </a:p>
        <a:p>
          <a:pPr marL="0" lvl="0" indent="0" algn="ctr" defTabSz="577850">
            <a:lnSpc>
              <a:spcPct val="90000"/>
            </a:lnSpc>
            <a:spcBef>
              <a:spcPct val="0"/>
            </a:spcBef>
            <a:spcAft>
              <a:spcPct val="35000"/>
            </a:spcAft>
            <a:buNone/>
          </a:pPr>
          <a:r>
            <a:rPr lang="en-US" sz="1300" kern="1200"/>
            <a:t>St. Mary’s – Streator (186/yr)</a:t>
          </a:r>
        </a:p>
        <a:p>
          <a:pPr marL="0" lvl="0" indent="0" algn="ctr" defTabSz="577850">
            <a:lnSpc>
              <a:spcPct val="90000"/>
            </a:lnSpc>
            <a:spcBef>
              <a:spcPct val="0"/>
            </a:spcBef>
            <a:spcAft>
              <a:spcPct val="35000"/>
            </a:spcAft>
            <a:buNone/>
          </a:pPr>
          <a:r>
            <a:rPr lang="en-US" sz="1300" kern="1200"/>
            <a:t>Proctor Community Hospital – Peoria (604/yr)</a:t>
          </a:r>
        </a:p>
      </dsp:txBody>
      <dsp:txXfrm>
        <a:off x="5134" y="0"/>
        <a:ext cx="4775150" cy="1522968"/>
      </dsp:txXfrm>
    </dsp:sp>
    <dsp:sp modelId="{5BB86F35-5B0F-40BF-9266-C020286D8DDA}">
      <dsp:nvSpPr>
        <dsp:cNvPr id="0" name=""/>
        <dsp:cNvSpPr/>
      </dsp:nvSpPr>
      <dsp:spPr>
        <a:xfrm>
          <a:off x="2392709" y="1609995"/>
          <a:ext cx="0" cy="348107"/>
        </a:xfrm>
        <a:prstGeom prst="line">
          <a:avLst/>
        </a:prstGeom>
        <a:noFill/>
        <a:ln w="6350" cap="flat" cmpd="sng" algn="ctr">
          <a:solidFill>
            <a:schemeClr val="accent5">
              <a:hueOff val="0"/>
              <a:satOff val="0"/>
              <a:lumOff val="0"/>
              <a:alphaOff val="0"/>
            </a:schemeClr>
          </a:solidFill>
          <a:prstDash val="dash"/>
          <a:miter lim="800000"/>
        </a:ln>
        <a:effectLst/>
      </dsp:spPr>
      <dsp:style>
        <a:lnRef idx="1">
          <a:scrgbClr r="0" g="0" b="0"/>
        </a:lnRef>
        <a:fillRef idx="0">
          <a:scrgbClr r="0" g="0" b="0"/>
        </a:fillRef>
        <a:effectRef idx="0">
          <a:scrgbClr r="0" g="0" b="0"/>
        </a:effectRef>
        <a:fontRef idx="minor"/>
      </dsp:style>
    </dsp:sp>
    <dsp:sp modelId="{A1F4CE60-7C50-446F-8975-DE12A3190AC1}">
      <dsp:nvSpPr>
        <dsp:cNvPr id="0" name=""/>
        <dsp:cNvSpPr/>
      </dsp:nvSpPr>
      <dsp:spPr>
        <a:xfrm>
          <a:off x="2349196" y="1522968"/>
          <a:ext cx="87026" cy="87026"/>
        </a:xfrm>
        <a:prstGeom prst="ellipse">
          <a:avLst/>
        </a:prstGeom>
        <a:solidFill>
          <a:schemeClr val="accent5">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DD14ABB-DAB5-4224-8EA2-738260400FAC}">
      <dsp:nvSpPr>
        <dsp:cNvPr id="0" name=""/>
        <dsp:cNvSpPr/>
      </dsp:nvSpPr>
      <dsp:spPr>
        <a:xfrm>
          <a:off x="3825254" y="1958102"/>
          <a:ext cx="2865090" cy="435133"/>
        </a:xfrm>
        <a:prstGeom prst="rect">
          <a:avLst/>
        </a:prstGeom>
        <a:solidFill>
          <a:schemeClr val="accent5">
            <a:hueOff val="23707"/>
            <a:satOff val="-15703"/>
            <a:lumOff val="17942"/>
            <a:alphaOff val="0"/>
          </a:schemeClr>
        </a:solidFill>
        <a:ln w="12700" cap="flat" cmpd="sng" algn="ctr">
          <a:solidFill>
            <a:schemeClr val="accent5">
              <a:hueOff val="23707"/>
              <a:satOff val="-15703"/>
              <a:lumOff val="17942"/>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1">
          <a:noAutofit/>
        </a:bodyPr>
        <a:lstStyle/>
        <a:p>
          <a:pPr marL="0" lvl="0" indent="0" algn="ctr" defTabSz="577850">
            <a:lnSpc>
              <a:spcPct val="90000"/>
            </a:lnSpc>
            <a:spcBef>
              <a:spcPct val="0"/>
            </a:spcBef>
            <a:spcAft>
              <a:spcPct val="35000"/>
            </a:spcAft>
            <a:buNone/>
          </a:pPr>
          <a:r>
            <a:rPr lang="en-US" sz="1300" kern="1200"/>
            <a:t>2017</a:t>
          </a:r>
        </a:p>
      </dsp:txBody>
      <dsp:txXfrm>
        <a:off x="3825254" y="1958102"/>
        <a:ext cx="2865090" cy="435133"/>
      </dsp:txXfrm>
    </dsp:sp>
    <dsp:sp modelId="{74B0355C-BA84-4FC1-871D-9F0204339D13}">
      <dsp:nvSpPr>
        <dsp:cNvPr id="0" name=""/>
        <dsp:cNvSpPr/>
      </dsp:nvSpPr>
      <dsp:spPr>
        <a:xfrm>
          <a:off x="2870224" y="2828369"/>
          <a:ext cx="4775150" cy="152296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99060" rIns="0" bIns="0" numCol="1" spcCol="1270" anchor="t" anchorCtr="1">
          <a:noAutofit/>
        </a:bodyPr>
        <a:lstStyle/>
        <a:p>
          <a:pPr marL="0" lvl="0" indent="0" algn="ctr" defTabSz="577850">
            <a:lnSpc>
              <a:spcPct val="90000"/>
            </a:lnSpc>
            <a:spcBef>
              <a:spcPct val="0"/>
            </a:spcBef>
            <a:spcAft>
              <a:spcPct val="35000"/>
            </a:spcAft>
            <a:buNone/>
          </a:pPr>
          <a:r>
            <a:rPr lang="en-US" sz="1300" kern="1200"/>
            <a:t>Hammond Henry – Geneseo (240/yr)</a:t>
          </a:r>
        </a:p>
        <a:p>
          <a:pPr marL="0" lvl="0" indent="0" algn="ctr" defTabSz="577850">
            <a:lnSpc>
              <a:spcPct val="90000"/>
            </a:lnSpc>
            <a:spcBef>
              <a:spcPct val="0"/>
            </a:spcBef>
            <a:spcAft>
              <a:spcPct val="35000"/>
            </a:spcAft>
            <a:buNone/>
          </a:pPr>
          <a:r>
            <a:rPr lang="en-US" sz="1300" kern="1200"/>
            <a:t>Iroquois Memorial – Watseka (89/yr)</a:t>
          </a:r>
        </a:p>
      </dsp:txBody>
      <dsp:txXfrm>
        <a:off x="2870224" y="2828369"/>
        <a:ext cx="4775150" cy="1522968"/>
      </dsp:txXfrm>
    </dsp:sp>
    <dsp:sp modelId="{45D46B8F-B40C-4005-B147-2480EA7CE23A}">
      <dsp:nvSpPr>
        <dsp:cNvPr id="0" name=""/>
        <dsp:cNvSpPr/>
      </dsp:nvSpPr>
      <dsp:spPr>
        <a:xfrm>
          <a:off x="5257800" y="2393235"/>
          <a:ext cx="0" cy="348107"/>
        </a:xfrm>
        <a:prstGeom prst="line">
          <a:avLst/>
        </a:prstGeom>
        <a:noFill/>
        <a:ln w="6350" cap="flat" cmpd="sng" algn="ctr">
          <a:solidFill>
            <a:schemeClr val="accent5">
              <a:hueOff val="23707"/>
              <a:satOff val="-15703"/>
              <a:lumOff val="17942"/>
              <a:alphaOff val="0"/>
            </a:schemeClr>
          </a:solidFill>
          <a:prstDash val="dash"/>
          <a:miter lim="800000"/>
        </a:ln>
        <a:effectLst/>
      </dsp:spPr>
      <dsp:style>
        <a:lnRef idx="1">
          <a:scrgbClr r="0" g="0" b="0"/>
        </a:lnRef>
        <a:fillRef idx="0">
          <a:scrgbClr r="0" g="0" b="0"/>
        </a:fillRef>
        <a:effectRef idx="0">
          <a:scrgbClr r="0" g="0" b="0"/>
        </a:effectRef>
        <a:fontRef idx="minor"/>
      </dsp:style>
    </dsp:sp>
    <dsp:sp modelId="{867AB0E0-8989-43E7-B81F-CD8E927F23C8}">
      <dsp:nvSpPr>
        <dsp:cNvPr id="0" name=""/>
        <dsp:cNvSpPr/>
      </dsp:nvSpPr>
      <dsp:spPr>
        <a:xfrm>
          <a:off x="5214286" y="2741342"/>
          <a:ext cx="87026" cy="87026"/>
        </a:xfrm>
        <a:prstGeom prst="ellipse">
          <a:avLst/>
        </a:prstGeom>
        <a:solidFill>
          <a:schemeClr val="accent5">
            <a:hueOff val="23707"/>
            <a:satOff val="-15703"/>
            <a:lumOff val="17942"/>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0409044A-6973-486D-8AD3-CE5696608999}">
      <dsp:nvSpPr>
        <dsp:cNvPr id="0" name=""/>
        <dsp:cNvSpPr/>
      </dsp:nvSpPr>
      <dsp:spPr>
        <a:xfrm rot="5400000">
          <a:off x="7905323" y="743123"/>
          <a:ext cx="435133" cy="2865090"/>
        </a:xfrm>
        <a:prstGeom prst="round2SameRect">
          <a:avLst/>
        </a:prstGeom>
        <a:solidFill>
          <a:schemeClr val="accent5">
            <a:hueOff val="47413"/>
            <a:satOff val="-31405"/>
            <a:lumOff val="35883"/>
            <a:alphaOff val="0"/>
          </a:schemeClr>
        </a:solidFill>
        <a:ln w="12700" cap="flat" cmpd="sng" algn="ctr">
          <a:solidFill>
            <a:schemeClr val="accent5">
              <a:hueOff val="47413"/>
              <a:satOff val="-31405"/>
              <a:lumOff val="35883"/>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1">
          <a:noAutofit/>
        </a:bodyPr>
        <a:lstStyle/>
        <a:p>
          <a:pPr marL="0" lvl="0" indent="0" algn="ctr" defTabSz="577850">
            <a:lnSpc>
              <a:spcPct val="90000"/>
            </a:lnSpc>
            <a:spcBef>
              <a:spcPct val="0"/>
            </a:spcBef>
            <a:spcAft>
              <a:spcPct val="35000"/>
            </a:spcAft>
            <a:buNone/>
          </a:pPr>
          <a:r>
            <a:rPr lang="en-US" sz="1300" kern="1200"/>
            <a:t>2019</a:t>
          </a:r>
        </a:p>
      </dsp:txBody>
      <dsp:txXfrm rot="-5400000">
        <a:off x="6690345" y="1979343"/>
        <a:ext cx="2843849" cy="392651"/>
      </dsp:txXfrm>
    </dsp:sp>
    <dsp:sp modelId="{46F65765-F57C-4A4F-ACA1-BE58065B87DF}">
      <dsp:nvSpPr>
        <dsp:cNvPr id="0" name=""/>
        <dsp:cNvSpPr/>
      </dsp:nvSpPr>
      <dsp:spPr>
        <a:xfrm>
          <a:off x="5735315" y="0"/>
          <a:ext cx="4775150" cy="152296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99060" numCol="1" spcCol="1270" anchor="b" anchorCtr="1">
          <a:noAutofit/>
        </a:bodyPr>
        <a:lstStyle/>
        <a:p>
          <a:pPr marL="0" lvl="0" indent="0" algn="ctr" defTabSz="577850">
            <a:lnSpc>
              <a:spcPct val="90000"/>
            </a:lnSpc>
            <a:spcBef>
              <a:spcPct val="0"/>
            </a:spcBef>
            <a:spcAft>
              <a:spcPct val="35000"/>
            </a:spcAft>
            <a:buNone/>
          </a:pPr>
          <a:r>
            <a:rPr lang="en-US" sz="1300" kern="1200"/>
            <a:t>Cottage Hospital – Galesburg (370/yr)</a:t>
          </a:r>
        </a:p>
        <a:p>
          <a:pPr marL="0" lvl="0" indent="0" algn="ctr" defTabSz="577850">
            <a:lnSpc>
              <a:spcPct val="90000"/>
            </a:lnSpc>
            <a:spcBef>
              <a:spcPct val="0"/>
            </a:spcBef>
            <a:spcAft>
              <a:spcPct val="35000"/>
            </a:spcAft>
            <a:buNone/>
          </a:pPr>
          <a:r>
            <a:rPr lang="en-US" sz="1300" kern="1200"/>
            <a:t>Pekin Hospital – Pekin (367/yr)</a:t>
          </a:r>
        </a:p>
      </dsp:txBody>
      <dsp:txXfrm>
        <a:off x="5735315" y="0"/>
        <a:ext cx="4775150" cy="1522968"/>
      </dsp:txXfrm>
    </dsp:sp>
    <dsp:sp modelId="{892C11BB-05DA-4F2B-904E-5C5820D90FBF}">
      <dsp:nvSpPr>
        <dsp:cNvPr id="0" name=""/>
        <dsp:cNvSpPr/>
      </dsp:nvSpPr>
      <dsp:spPr>
        <a:xfrm>
          <a:off x="8122890" y="1609995"/>
          <a:ext cx="0" cy="348107"/>
        </a:xfrm>
        <a:prstGeom prst="line">
          <a:avLst/>
        </a:prstGeom>
        <a:noFill/>
        <a:ln w="6350" cap="flat" cmpd="sng" algn="ctr">
          <a:solidFill>
            <a:schemeClr val="accent5">
              <a:hueOff val="47413"/>
              <a:satOff val="-31405"/>
              <a:lumOff val="35883"/>
              <a:alphaOff val="0"/>
            </a:schemeClr>
          </a:solidFill>
          <a:prstDash val="dash"/>
          <a:miter lim="800000"/>
        </a:ln>
        <a:effectLst/>
      </dsp:spPr>
      <dsp:style>
        <a:lnRef idx="1">
          <a:scrgbClr r="0" g="0" b="0"/>
        </a:lnRef>
        <a:fillRef idx="0">
          <a:scrgbClr r="0" g="0" b="0"/>
        </a:fillRef>
        <a:effectRef idx="0">
          <a:scrgbClr r="0" g="0" b="0"/>
        </a:effectRef>
        <a:fontRef idx="minor"/>
      </dsp:style>
    </dsp:sp>
    <dsp:sp modelId="{C6699067-66CC-4442-A0BF-78E064BDA124}">
      <dsp:nvSpPr>
        <dsp:cNvPr id="0" name=""/>
        <dsp:cNvSpPr/>
      </dsp:nvSpPr>
      <dsp:spPr>
        <a:xfrm>
          <a:off x="8079376" y="1522968"/>
          <a:ext cx="87026" cy="87026"/>
        </a:xfrm>
        <a:prstGeom prst="ellipse">
          <a:avLst/>
        </a:prstGeom>
        <a:solidFill>
          <a:schemeClr val="accent5">
            <a:hueOff val="47413"/>
            <a:satOff val="-31405"/>
            <a:lumOff val="3588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59F2E8E-A313-46CC-AB9B-96DE714313BD}">
      <dsp:nvSpPr>
        <dsp:cNvPr id="0" name=""/>
        <dsp:cNvSpPr/>
      </dsp:nvSpPr>
      <dsp:spPr>
        <a:xfrm>
          <a:off x="0" y="58869"/>
          <a:ext cx="10515600" cy="719549"/>
        </a:xfrm>
        <a:prstGeom prst="roundRect">
          <a:avLst/>
        </a:prstGeom>
        <a:solidFill>
          <a:schemeClr val="accent5">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114300" tIns="114300" rIns="114300" bIns="114300" numCol="1" spcCol="1270" anchor="ctr" anchorCtr="0">
          <a:noAutofit/>
        </a:bodyPr>
        <a:lstStyle/>
        <a:p>
          <a:pPr marL="0" lvl="0" indent="0" algn="l" defTabSz="1333500">
            <a:lnSpc>
              <a:spcPct val="90000"/>
            </a:lnSpc>
            <a:spcBef>
              <a:spcPct val="0"/>
            </a:spcBef>
            <a:spcAft>
              <a:spcPct val="35000"/>
            </a:spcAft>
            <a:buNone/>
          </a:pPr>
          <a:r>
            <a:rPr lang="en-US" sz="3000" kern="1200" dirty="0"/>
            <a:t>2022</a:t>
          </a:r>
        </a:p>
      </dsp:txBody>
      <dsp:txXfrm>
        <a:off x="35125" y="93994"/>
        <a:ext cx="10445350" cy="649299"/>
      </dsp:txXfrm>
    </dsp:sp>
    <dsp:sp modelId="{EC0E8F9B-F388-40FA-8C60-A43488DBDA5E}">
      <dsp:nvSpPr>
        <dsp:cNvPr id="0" name=""/>
        <dsp:cNvSpPr/>
      </dsp:nvSpPr>
      <dsp:spPr>
        <a:xfrm>
          <a:off x="0" y="778419"/>
          <a:ext cx="10515600" cy="158354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333870" tIns="38100" rIns="213360" bIns="38100" numCol="1" spcCol="1270" anchor="t" anchorCtr="0">
          <a:noAutofit/>
        </a:bodyPr>
        <a:lstStyle/>
        <a:p>
          <a:pPr marL="228600" lvl="1" indent="-228600" algn="l" defTabSz="1022350">
            <a:lnSpc>
              <a:spcPct val="90000"/>
            </a:lnSpc>
            <a:spcBef>
              <a:spcPct val="0"/>
            </a:spcBef>
            <a:spcAft>
              <a:spcPct val="20000"/>
            </a:spcAft>
            <a:buChar char="•"/>
          </a:pPr>
          <a:endParaRPr lang="en-US" sz="2300" kern="1200" dirty="0"/>
        </a:p>
        <a:p>
          <a:pPr marL="228600" lvl="1" indent="-228600" algn="l" defTabSz="1022350">
            <a:lnSpc>
              <a:spcPct val="90000"/>
            </a:lnSpc>
            <a:spcBef>
              <a:spcPct val="0"/>
            </a:spcBef>
            <a:spcAft>
              <a:spcPct val="20000"/>
            </a:spcAft>
            <a:buChar char="•"/>
          </a:pPr>
          <a:r>
            <a:rPr lang="en-US" sz="2300" kern="1200" dirty="0"/>
            <a:t>St. Margaret Health – Spring Valley (269/</a:t>
          </a:r>
          <a:r>
            <a:rPr lang="en-US" sz="2300" kern="1200" dirty="0" err="1"/>
            <a:t>yr</a:t>
          </a:r>
          <a:r>
            <a:rPr lang="en-US" sz="2300" kern="1200" dirty="0"/>
            <a:t>)</a:t>
          </a:r>
        </a:p>
        <a:p>
          <a:pPr marL="228600" lvl="1" indent="-228600" algn="l" defTabSz="1022350">
            <a:lnSpc>
              <a:spcPct val="90000"/>
            </a:lnSpc>
            <a:spcBef>
              <a:spcPct val="0"/>
            </a:spcBef>
            <a:spcAft>
              <a:spcPct val="20000"/>
            </a:spcAft>
            <a:buChar char="•"/>
          </a:pPr>
          <a:r>
            <a:rPr lang="en-US" sz="2300" kern="1200" dirty="0"/>
            <a:t>Memorial Hospital – Carthage (101/</a:t>
          </a:r>
          <a:r>
            <a:rPr lang="en-US" sz="2300" kern="1200" dirty="0" err="1"/>
            <a:t>yr</a:t>
          </a:r>
          <a:r>
            <a:rPr lang="en-US" sz="2300" kern="1200" dirty="0"/>
            <a:t>)</a:t>
          </a:r>
        </a:p>
        <a:p>
          <a:pPr marL="228600" lvl="1" indent="-228600" algn="l" defTabSz="1022350">
            <a:lnSpc>
              <a:spcPct val="90000"/>
            </a:lnSpc>
            <a:spcBef>
              <a:spcPct val="0"/>
            </a:spcBef>
            <a:spcAft>
              <a:spcPct val="20000"/>
            </a:spcAft>
            <a:buChar char="•"/>
          </a:pPr>
          <a:endParaRPr lang="en-US" sz="2300" kern="1200" dirty="0"/>
        </a:p>
      </dsp:txBody>
      <dsp:txXfrm>
        <a:off x="0" y="778419"/>
        <a:ext cx="10515600" cy="1583549"/>
      </dsp:txXfrm>
    </dsp:sp>
    <dsp:sp modelId="{72D33888-A35D-4F16-9F8B-2E2EDDD19F98}">
      <dsp:nvSpPr>
        <dsp:cNvPr id="0" name=""/>
        <dsp:cNvSpPr/>
      </dsp:nvSpPr>
      <dsp:spPr>
        <a:xfrm>
          <a:off x="0" y="2361969"/>
          <a:ext cx="10515600" cy="719549"/>
        </a:xfrm>
        <a:prstGeom prst="roundRect">
          <a:avLst/>
        </a:prstGeom>
        <a:solidFill>
          <a:schemeClr val="accent5">
            <a:hueOff val="47413"/>
            <a:satOff val="-31405"/>
            <a:lumOff val="35883"/>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114300" tIns="114300" rIns="114300" bIns="114300" numCol="1" spcCol="1270" anchor="ctr" anchorCtr="0">
          <a:noAutofit/>
        </a:bodyPr>
        <a:lstStyle/>
        <a:p>
          <a:pPr marL="0" lvl="0" indent="0" algn="l" defTabSz="1333500">
            <a:lnSpc>
              <a:spcPct val="90000"/>
            </a:lnSpc>
            <a:spcBef>
              <a:spcPct val="0"/>
            </a:spcBef>
            <a:spcAft>
              <a:spcPct val="35000"/>
            </a:spcAft>
            <a:buNone/>
          </a:pPr>
          <a:r>
            <a:rPr lang="en-US" sz="3000" kern="1200" dirty="0"/>
            <a:t>2023</a:t>
          </a:r>
        </a:p>
      </dsp:txBody>
      <dsp:txXfrm>
        <a:off x="35125" y="2397094"/>
        <a:ext cx="10445350" cy="649299"/>
      </dsp:txXfrm>
    </dsp:sp>
    <dsp:sp modelId="{D0A0813B-B255-4BBD-8FA6-C8B63125A777}">
      <dsp:nvSpPr>
        <dsp:cNvPr id="0" name=""/>
        <dsp:cNvSpPr/>
      </dsp:nvSpPr>
      <dsp:spPr>
        <a:xfrm>
          <a:off x="0" y="3081518"/>
          <a:ext cx="10515600" cy="121095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333870" tIns="38100" rIns="213360" bIns="38100" numCol="1" spcCol="1270" anchor="t" anchorCtr="0">
          <a:noAutofit/>
        </a:bodyPr>
        <a:lstStyle/>
        <a:p>
          <a:pPr marL="228600" lvl="1" indent="-228600" algn="l" defTabSz="1022350">
            <a:lnSpc>
              <a:spcPct val="90000"/>
            </a:lnSpc>
            <a:spcBef>
              <a:spcPct val="0"/>
            </a:spcBef>
            <a:spcAft>
              <a:spcPct val="20000"/>
            </a:spcAft>
            <a:buChar char="•"/>
          </a:pPr>
          <a:r>
            <a:rPr lang="en-US" sz="2300" kern="1200" dirty="0"/>
            <a:t>St. Margaret Health – Peru (364/</a:t>
          </a:r>
          <a:r>
            <a:rPr lang="en-US" sz="2300" kern="1200" dirty="0" err="1"/>
            <a:t>yr</a:t>
          </a:r>
          <a:r>
            <a:rPr lang="en-US" sz="2300" kern="1200" dirty="0"/>
            <a:t>)</a:t>
          </a:r>
        </a:p>
        <a:p>
          <a:pPr marL="228600" lvl="1" indent="-228600" algn="l" defTabSz="1022350">
            <a:lnSpc>
              <a:spcPct val="90000"/>
            </a:lnSpc>
            <a:spcBef>
              <a:spcPct val="0"/>
            </a:spcBef>
            <a:spcAft>
              <a:spcPct val="20000"/>
            </a:spcAft>
            <a:buChar char="•"/>
          </a:pPr>
          <a:r>
            <a:rPr lang="en-US" sz="2300" kern="1200" dirty="0"/>
            <a:t>OSF Heart of Mary – Urbana (209/</a:t>
          </a:r>
          <a:r>
            <a:rPr lang="en-US" sz="2300" kern="1200" dirty="0" err="1"/>
            <a:t>yr</a:t>
          </a:r>
          <a:r>
            <a:rPr lang="en-US" sz="2300" kern="1200" dirty="0"/>
            <a:t>)</a:t>
          </a:r>
        </a:p>
        <a:p>
          <a:pPr marL="228600" lvl="1" indent="-228600" algn="l" defTabSz="1022350">
            <a:lnSpc>
              <a:spcPct val="90000"/>
            </a:lnSpc>
            <a:spcBef>
              <a:spcPct val="0"/>
            </a:spcBef>
            <a:spcAft>
              <a:spcPct val="20000"/>
            </a:spcAft>
            <a:buChar char="•"/>
          </a:pPr>
          <a:r>
            <a:rPr lang="en-US" sz="2300" kern="1200" dirty="0"/>
            <a:t>OSF St. James – Pontiac (77/</a:t>
          </a:r>
          <a:r>
            <a:rPr lang="en-US" sz="2300" kern="1200" dirty="0" err="1"/>
            <a:t>yr</a:t>
          </a:r>
          <a:r>
            <a:rPr lang="en-US" sz="2300" kern="1200" dirty="0"/>
            <a:t>)</a:t>
          </a:r>
        </a:p>
      </dsp:txBody>
      <dsp:txXfrm>
        <a:off x="0" y="3081518"/>
        <a:ext cx="10515600" cy="1210950"/>
      </dsp:txXfrm>
    </dsp:sp>
  </dsp:spTree>
</dsp:drawing>
</file>

<file path=ppt/diagrams/layout1.xml><?xml version="1.0" encoding="utf-8"?>
<dgm:layoutDef xmlns:dgm="http://schemas.openxmlformats.org/drawingml/2006/diagram" xmlns:a="http://schemas.openxmlformats.org/drawingml/2006/main" uniqueId="urn:microsoft.com/office/officeart/2016/7/layout/RoundedRectangleTimeline">
  <dgm:title val="Rounded Rectangle Timeline"/>
  <dgm:desc val="Use to show a list of events in chronological order. An invisible box contains the description while the date is shown in rectangles, except for the first and last node where the corners of the rectangle are rounded. It can display large amount of text and long descriptive date format."/>
  <dgm:catLst>
    <dgm:cat type="timeline" pri="500"/>
    <dgm:cat type="process" pri="6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40" srcId="0" destId="10" srcOrd="0" destOrd="0"/>
        <dgm:cxn modelId="12" srcId="10" destId="11" srcOrd="0" destOrd="0"/>
        <dgm:cxn modelId="50" srcId="0" destId="20" srcOrd="1" destOrd="0"/>
        <dgm:cxn modelId="22" srcId="20" destId="21" srcOrd="0" destOrd="0"/>
        <dgm:cxn modelId="60" srcId="0" destId="30" srcOrd="1"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Name0">
    <dgm:varLst>
      <dgm:chMax/>
      <dgm:chPref/>
      <dgm:animLvl val="lvl"/>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constrLst>
      <dgm:constr type="primFontSz" for="des" forName="parent" val="18"/>
      <dgm:constr type="primFontSz" for="des" forName="Childtext" val="18"/>
      <dgm:constr type="primFontSz" for="des" forName="Childtext" refType="primFontSz" refFor="des" refForName="parent" op="lte"/>
      <dgm:constr type="w" for="ch" forName="composite" refType="w"/>
      <dgm:constr type="h" for="ch" forName="composite" refType="h"/>
      <dgm:constr type="w" for="ch" forName="spaceBetweenRectangles" refType="w" refFor="ch" refForName="composite" fact="-0.4"/>
      <dgm:constr type="w" for="ch" ptType="sibTrans" op="equ"/>
      <dgm:constr type="primFontSz" for="des" forName="parent" op="equ"/>
      <dgm:constr type="primFontSz" for="des" forName="Childtext" op="equ"/>
      <dgm:constr type="primFontSz" for="des" forName="parent1" val="18"/>
      <dgm:constr type="primFontSz" for="des" forName="Childtext1" val="18"/>
      <dgm:constr type="primFontSz" for="des" forName="Childtext1" refType="primFontSz" refFor="des" refForName="parent1" op="lte"/>
      <dgm:constr type="w" for="ch" forName="composite1" refType="w"/>
      <dgm:constr type="h" for="ch" forName="composite1" refType="h"/>
      <dgm:constr type="w" for="ch" forName="spaceBetweenRectangles1" refType="w" refFor="ch" refForName="composite1" fact="-0.4"/>
      <dgm:constr type="primFontSz" for="des" forName="parent1" op="equ"/>
      <dgm:constr type="primFontSz" for="des" forName="Childtext1" op="equ"/>
    </dgm:constrLst>
    <dgm:choose name="layoutByNodeCnt">
      <dgm:if name="twoOrLessNodes" axis="ch" ptType="node" func="cnt" op="lte" val="2">
        <dgm:forEach name="nodesForEach" axis="ch" ptType="node">
          <dgm:layoutNode name="composite">
            <dgm:alg type="composite"/>
            <dgm:shape xmlns:r="http://schemas.openxmlformats.org/officeDocument/2006/relationships" r:blip="">
              <dgm:adjLst/>
            </dgm:shape>
            <dgm:choose name="casesForFirstAndLastNode1">
              <dgm:if name="startNode1" axis="self" ptType="node" func="pos" op="equ" val="1">
                <dgm:choose name="removeLineWhenOnlyOneNode1">
                  <dgm:if name="ifOnlyOneNode1" axis="followSib" ptType="node" func="cnt" op="equ" val="0">
                    <dgm:constrLst>
                      <dgm:constr type="w" for="ch" forName="parent" refType="w" fact="0.95"/>
                      <dgm:constr type="l" for="ch" forName="parent" refType="w" fact="0.025"/>
                      <dgm:constr type="t" for="ch" forName="parent" refType="h" fact="0.45"/>
                      <dgm:constr type="h" for="ch" forName="parent" refType="h" fact="0.1"/>
                      <dgm:constr type="l" for="ch" forName="Childtext" refType="w" fact="0.025"/>
                      <dgm:constr type="w" for="ch" forName="Childtext" refType="w" fact="0.95"/>
                      <dgm:constr type="h" for="ch" forName="Childtext" refType="h" fact="0.35"/>
                      <dgm:constr type="w" for="ch" forName="ConnectLine"/>
                      <dgm:constr type="h" for="ch" forName="ConnectLine" refType="h" fact="0.08"/>
                      <dgm:constr type="t" for="ch" forName="ConnectLine" refType="h" fact="0.37"/>
                      <dgm:constr type="ctrX" for="ch" forName="ConnectLine" refType="w" fact="0.5"/>
                      <dgm:constr type="w" for="ch" forName="ConnectLineEnd" refType="h" fact="0.02"/>
                      <dgm:constr type="h" for="ch" forName="ConnectLineEnd" refType="h" fact="0.02"/>
                      <dgm:constr type="t" for="ch" forName="ConnectLineEnd" refType="h" fact="0.35"/>
                      <dgm:constr type="ctrX" for="ch" forName="ConnectLineEnd" refType="w" fact="0.5"/>
                      <dgm:constr type="w" for="ch" forName="EmptyPane" refType="w"/>
                      <dgm:constr type="t" for="ch" forName="EmptyPane" refType="h" fact="0.55"/>
                      <dgm:constr type="h" for="ch" forName="EmptyPane" refType="h" fact="0.45"/>
                    </dgm:constrLst>
                  </dgm:if>
                  <dgm:else name="ifMoreThanOneNode1">
                    <dgm:constrLst>
                      <dgm:constr type="w" for="ch" forName="parent" refType="w" fact="0.6"/>
                      <dgm:constr type="l" for="ch" forName="parent" refType="w" fact="0.2"/>
                      <dgm:constr type="t" for="ch" forName="parent" refType="h" fact="0.45"/>
                      <dgm:constr type="h" for="ch" forName="parent" refType="h" fact="0.1"/>
                      <dgm:constr type="l" for="ch" forName="Childtext" refType="w" fact="0.2"/>
                      <dgm:constr type="w" for="ch" forName="Childtext" refType="w" fact="0.6"/>
                      <dgm:constr type="h" for="ch" forName="Childtext" refType="h" fact="0.35"/>
                      <dgm:constr type="w" for="ch" forName="ConnectLine"/>
                      <dgm:constr type="h" for="ch" forName="ConnectLine" refType="h" fact="0.08"/>
                      <dgm:constr type="t" for="ch" forName="ConnectLine" refType="h" fact="0.37"/>
                      <dgm:constr type="ctrX" for="ch" forName="ConnectLine" refType="w" fact="0.5"/>
                      <dgm:constr type="w" for="ch" forName="ConnectLineEnd" refType="h" fact="0.02"/>
                      <dgm:constr type="h" for="ch" forName="ConnectLineEnd" refType="h" fact="0.02"/>
                      <dgm:constr type="t" for="ch" forName="ConnectLineEnd" refType="h" fact="0.35"/>
                      <dgm:constr type="ctrX" for="ch" forName="ConnectLineEnd" refType="w" fact="0.5"/>
                      <dgm:constr type="w" for="ch" forName="EmptyPane" refType="w"/>
                      <dgm:constr type="t" for="ch" forName="EmptyPane" refType="h" fact="0.55"/>
                      <dgm:constr type="h" for="ch" forName="EmptyPane" refType="h" fact="0.45"/>
                    </dgm:constrLst>
                  </dgm:else>
                </dgm:choose>
              </dgm:if>
              <dgm:else name="notStartNode1">
                <dgm:constrLst>
                  <dgm:constr type="w" for="ch" forName="parent" refType="w" fact="0.6"/>
                  <dgm:constr type="l" for="ch" forName="parent" refType="w" fact="0.2"/>
                  <dgm:constr type="t" for="ch" forName="parent" refType="h" fact="0.45"/>
                  <dgm:constr type="h" for="ch" forName="parent" refType="h" fact="0.1"/>
                  <dgm:constr type="l" for="ch" forName="Childtext" refType="w" fact="0.2"/>
                  <dgm:constr type="w" for="ch" forName="Childtext" refType="w" fact="0.6"/>
                  <dgm:constr type="h" for="ch" forName="Childtext" refType="h" fact="0.35"/>
                  <dgm:constr type="t" for="ch" forName="Childtext" refType="h" fact="0.65"/>
                  <dgm:constr type="w" for="ch" forName="ConnectLine"/>
                  <dgm:constr type="h" for="ch" forName="ConnectLine" refType="h" fact="0.08"/>
                  <dgm:constr type="t" for="ch" forName="ConnectLine" refType="h" fact="0.55"/>
                  <dgm:constr type="ctrX" for="ch" forName="ConnectLine" refType="w" fact="0.5"/>
                  <dgm:constr type="w" for="ch" forName="ConnectLineEnd" refType="h" fact="0.02"/>
                  <dgm:constr type="h" for="ch" forName="ConnectLineEnd" refType="h" fact="0.02"/>
                  <dgm:constr type="b" for="ch" forName="ConnectLineEnd" refType="h" fact="0.65"/>
                  <dgm:constr type="ctrX" for="ch" forName="ConnectLineEnd" refType="w" fact="0.5"/>
                  <dgm:constr type="w" for="ch" forName="EmptyPane" refType="w"/>
                  <dgm:constr type="h" for="ch" forName="EmptyPane" refType="h" fact="0.45"/>
                </dgm:constrLst>
              </dgm:else>
            </dgm:choose>
            <dgm:layoutNode name="parent" styleLbl="alignNode1">
              <dgm:varLst>
                <dgm:chMax val="1"/>
                <dgm:chPref val="1"/>
                <dgm:bulletEnabled val="1"/>
              </dgm:varLst>
              <dgm:alg type="tx">
                <dgm:param type="txAnchorHorz" val="ctr"/>
                <dgm:param type="txAnchorVert" val="mid"/>
                <dgm:param type="parTxLTRAlign" val="ctr"/>
                <dgm:param type="parTxRTLAlign" val="ctr"/>
              </dgm:alg>
              <dgm:choose name="casesForFirstAndLastNode">
                <dgm:if name="startNode" axis="self" ptType="node" func="pos" op="equ" val="1">
                  <dgm:choose name="removeLineWhenOnlyOneNode">
                    <dgm:if name="ifOnlyOneNode" axis="followSib" ptType="node" func="cnt" op="equ" val="0">
                      <dgm:shape xmlns:r="http://schemas.openxmlformats.org/officeDocument/2006/relationships" type="roundRect" r:blip="">
                        <dgm:adjLst/>
                      </dgm:shape>
                    </dgm:if>
                    <dgm:else name="ifMoreThanOneNode">
                      <dgm:choose name="Name18">
                        <dgm:if name="Name19" func="var" arg="dir" op="equ" val="norm">
                          <dgm:shape xmlns:r="http://schemas.openxmlformats.org/officeDocument/2006/relationships" rot="-90" type="round2SameRect" r:blip="">
                            <dgm:adjLst/>
                          </dgm:shape>
                        </dgm:if>
                        <dgm:else name="Name20">
                          <dgm:shape xmlns:r="http://schemas.openxmlformats.org/officeDocument/2006/relationships" rot="90" type="round2SameRect" r:blip="">
                            <dgm:adjLst/>
                          </dgm:shape>
                        </dgm:else>
                      </dgm:choose>
                    </dgm:else>
                  </dgm:choose>
                </dgm:if>
                <dgm:else name="notStartNode">
                  <dgm:choose name="Name22">
                    <dgm:if name="Name23" axis="self" ptType="node" func="revPos" op="equ" val="1">
                      <dgm:choose name="Name24">
                        <dgm:if name="Name25" func="var" arg="dir" op="equ" val="norm">
                          <dgm:shape xmlns:r="http://schemas.openxmlformats.org/officeDocument/2006/relationships" rot="90" type="round2SameRect" r:blip="">
                            <dgm:adjLst/>
                          </dgm:shape>
                        </dgm:if>
                        <dgm:else name="Name26">
                          <dgm:shape xmlns:r="http://schemas.openxmlformats.org/officeDocument/2006/relationships" rot="-90" type="round2SameRect" r:blip="">
                            <dgm:adjLst/>
                          </dgm:shape>
                        </dgm:else>
                      </dgm:choose>
                    </dgm:if>
                    <dgm:else name="Name27">
                      <dgm:shape xmlns:r="http://schemas.openxmlformats.org/officeDocument/2006/relationships" type="rect" r:blip="">
                        <dgm:adjLst/>
                      </dgm:shape>
                    </dgm:else>
                  </dgm:choose>
                </dgm:else>
              </dgm:choose>
              <dgm:presOf axis="self" ptType="node"/>
              <dgm:constrLst>
                <dgm:constr type="lMarg" refType="primFontSz" fact="0.6"/>
                <dgm:constr type="rMarg" refType="primFontSz" fact="0.6"/>
                <dgm:constr type="tMarg" refType="primFontSz" fact="0.6"/>
                <dgm:constr type="bMarg" refType="primFontSz" fact="0.6"/>
              </dgm:constrLst>
              <dgm:ruleLst>
                <dgm:rule type="primFontSz" val="11" fact="NaN" max="NaN"/>
              </dgm:ruleLst>
            </dgm:layoutNode>
            <dgm:layoutNode name="Childtext" styleLbl="revTx">
              <dgm:varLst>
                <dgm:bulletEnabled val="1"/>
              </dgm:varLst>
              <dgm:choose name="casesForTxtDirLogic">
                <dgm:if name="Name77" axis="self" ptType="node" func="posOdd" op="equ" val="1">
                  <dgm:alg type="tx">
                    <dgm:param type="txAnchorVert" val="b"/>
                    <dgm:param type="txAnchorHorz" val="ctr"/>
                    <dgm:param type="parTxLTRAlign" val="ctr"/>
                    <dgm:param type="parTxRTLAlign" val="ctr"/>
                  </dgm:alg>
                  <dgm:constrLst>
                    <dgm:constr type="lMarg"/>
                    <dgm:constr type="rMarg"/>
                    <dgm:constr type="tMarg"/>
                    <dgm:constr type="bMarg" refType="primFontSz" fact="0.6"/>
                  </dgm:constrLst>
                </dgm:if>
                <dgm:else name="Name88">
                  <dgm:alg type="tx">
                    <dgm:param type="txAnchorVert" val="t"/>
                    <dgm:param type="txAnchorHorz" val="ctr"/>
                    <dgm:param type="parTxLTRAlign" val="ctr"/>
                    <dgm:param type="parTxRTLAlign" val="ctr"/>
                  </dgm:alg>
                  <dgm:constrLst>
                    <dgm:constr type="lMarg"/>
                    <dgm:constr type="rMarg"/>
                    <dgm:constr type="tMarg" refType="primFontSz" fact="0.6"/>
                    <dgm:constr type="bMarg"/>
                  </dgm:constrLst>
                </dgm:else>
              </dgm:choose>
              <dgm:shape xmlns:r="http://schemas.openxmlformats.org/officeDocument/2006/relationships" type="rect" r:blip="">
                <dgm:adjLst/>
              </dgm:shape>
              <dgm:presOf axis="ch" ptType="node"/>
              <dgm:ruleLst>
                <dgm:rule type="primFontSz" val="11" fact="NaN" max="NaN"/>
              </dgm:ruleLst>
            </dgm:layoutNode>
            <dgm:layoutNode name="ConnectLine" styleLbl="sibTrans1D1">
              <dgm:alg type="sp"/>
              <dgm:shape xmlns:r="http://schemas.openxmlformats.org/officeDocument/2006/relationships" type="line" r:blip="">
                <dgm:adjLst/>
                <dgm:extLst>
                  <a:ext uri="{B698B0E9-8C71-41B9-8309-B3DCBF30829C}">
                    <dgm1612:spPr xmlns:dgm1612="http://schemas.microsoft.com/office/drawing/2016/12/diagram">
                      <a:ln>
                        <a:prstDash val="dash"/>
                      </a:ln>
                    </dgm1612:spPr>
                  </a:ext>
                </dgm:extLst>
              </dgm:shape>
              <dgm:presOf/>
              <dgm:constrLst/>
            </dgm:layoutNode>
            <dgm:layoutNode name="ConnectLineEnd" styleLbl="lnNode1">
              <dgm:alg type="sp"/>
              <dgm:shape xmlns:r="http://schemas.openxmlformats.org/officeDocument/2006/relationships" type="ellipse" r:blip="">
                <dgm:adjLst/>
              </dgm:shape>
              <dgm:presOf/>
              <dgm:constrLst/>
            </dgm:layoutNode>
            <dgm:layoutNode name="EmptyPane">
              <dgm:alg type="sp"/>
              <dgm:shape xmlns:r="http://schemas.openxmlformats.org/officeDocument/2006/relationships" r:blip="">
                <dgm:adjLst/>
              </dgm:shape>
              <dgm:presOf/>
              <dgm:constrLst/>
            </dgm:layoutNode>
          </dgm:layoutNode>
          <dgm:forEach name="Name28" axis="followSib" ptType="sibTrans" cnt="1">
            <dgm:layoutNode name="spaceBetweenRectangles">
              <dgm:alg type="sp"/>
              <dgm:shape xmlns:r="http://schemas.openxmlformats.org/officeDocument/2006/relationships" r:blip="">
                <dgm:adjLst/>
              </dgm:shape>
              <dgm:presOf/>
              <dgm:constrLst/>
              <dgm:ruleLst/>
            </dgm:layoutNode>
          </dgm:forEach>
        </dgm:forEach>
      </dgm:if>
      <dgm:else name="moreThanTwoNodes">
        <dgm:forEach name="nodesForEach1" axis="ch" ptType="node">
          <dgm:layoutNode name="composite1">
            <dgm:alg type="composite"/>
            <dgm:shape xmlns:r="http://schemas.openxmlformats.org/officeDocument/2006/relationships" r:blip="">
              <dgm:adjLst/>
            </dgm:shape>
            <dgm:choose name="casesForSnakingLogic21">
              <dgm:if name="oddNode21" axis="self" ptType="node" func="posOdd" op="equ" val="1">
                <dgm:constrLst>
                  <dgm:constr type="w" for="ch" forName="parent1" refType="w" fact="0.6"/>
                  <dgm:constr type="l" for="ch" forName="parent1" refType="w" fact="0.2"/>
                  <dgm:constr type="t" for="ch" forName="parent1" refType="h" fact="0.45"/>
                  <dgm:constr type="h" for="ch" forName="parent1" refType="h" fact="0.1"/>
                  <dgm:constr type="w" for="ch" forName="Childtext1" refType="w"/>
                  <dgm:constr type="h" for="ch" forName="Childtext1" refType="h" fact="0.35"/>
                  <dgm:constr type="w" for="ch" forName="ConnectLine1"/>
                  <dgm:constr type="h" for="ch" forName="ConnectLine1" refType="h" fact="0.08"/>
                  <dgm:constr type="t" for="ch" forName="ConnectLine1" refType="h" fact="0.37"/>
                  <dgm:constr type="ctrX" for="ch" forName="ConnectLine1" refType="w" fact="0.5"/>
                  <dgm:constr type="w" for="ch" forName="ConnectLineEnd1" refType="h" fact="0.02"/>
                  <dgm:constr type="h" for="ch" forName="ConnectLineEnd1" refType="h" fact="0.02"/>
                  <dgm:constr type="t" for="ch" forName="ConnectLineEnd1" refType="h" fact="0.35"/>
                  <dgm:constr type="ctrX" for="ch" forName="ConnectLineEnd1" refType="w" fact="0.5"/>
                  <dgm:constr type="w" for="ch" forName="EmptyPane1" refType="w"/>
                  <dgm:constr type="t" for="ch" forName="EmptyPane1" refType="h" fact="0.55"/>
                  <dgm:constr type="h" for="ch" forName="EmptyPane1" refType="h" fact="0.45"/>
                </dgm:constrLst>
              </dgm:if>
              <dgm:else name="evenNode2">
                <dgm:constrLst>
                  <dgm:constr type="w" for="ch" forName="parent1" refType="w" fact="0.6"/>
                  <dgm:constr type="l" for="ch" forName="parent1" refType="w" fact="0.2"/>
                  <dgm:constr type="t" for="ch" forName="parent1" refType="h" fact="0.45"/>
                  <dgm:constr type="h" for="ch" forName="parent1" refType="h" fact="0.1"/>
                  <dgm:constr type="w" for="ch" forName="Childtext1" refType="w"/>
                  <dgm:constr type="h" for="ch" forName="Childtext1" refType="h" fact="0.35"/>
                  <dgm:constr type="t" for="ch" forName="Childtext1" refType="h" fact="0.65"/>
                  <dgm:constr type="w" for="ch" forName="ConnectLine1"/>
                  <dgm:constr type="h" for="ch" forName="ConnectLine1" refType="h" fact="0.08"/>
                  <dgm:constr type="t" for="ch" forName="ConnectLine1" refType="h" fact="0.55"/>
                  <dgm:constr type="ctrX" for="ch" forName="ConnectLine1" refType="w" fact="0.5"/>
                  <dgm:constr type="w" for="ch" forName="ConnectLineEnd1" refType="h" fact="0.02"/>
                  <dgm:constr type="h" for="ch" forName="ConnectLineEnd1" refType="h" fact="0.02"/>
                  <dgm:constr type="b" for="ch" forName="ConnectLineEnd1" refType="h" fact="0.65"/>
                  <dgm:constr type="ctrX" for="ch" forName="ConnectLineEnd1" refType="w" fact="0.5"/>
                  <dgm:constr type="w" for="ch" forName="EmptyPane1" refType="w"/>
                  <dgm:constr type="h" for="ch" forName="EmptyPane1" refType="h" fact="0.45"/>
                </dgm:constrLst>
              </dgm:else>
            </dgm:choose>
            <dgm:layoutNode name="parent1" styleLbl="alignNode1">
              <dgm:varLst>
                <dgm:chMax val="1"/>
                <dgm:chPref val="1"/>
                <dgm:bulletEnabled val="1"/>
              </dgm:varLst>
              <dgm:alg type="tx">
                <dgm:param type="txAnchorHorz" val="ctr"/>
                <dgm:param type="txAnchorVert" val="mid"/>
                <dgm:param type="parTxLTRAlign" val="ctr"/>
                <dgm:param type="parTxRTLAlign" val="ctr"/>
              </dgm:alg>
              <dgm:choose name="casesForFirstAndLastNode12">
                <dgm:if name="startNode12" axis="self" ptType="node" func="pos" op="equ" val="1">
                  <dgm:choose name="removeLineWhenOnlyOneNode12">
                    <dgm:if name="ifOnlyOneNode12" axis="followSib" ptType="node" func="cnt" op="equ" val="0">
                      <dgm:shape xmlns:r="http://schemas.openxmlformats.org/officeDocument/2006/relationships" type="roundRect" r:blip="">
                        <dgm:adjLst/>
                      </dgm:shape>
                    </dgm:if>
                    <dgm:else name="ifMoreThanOneNode12">
                      <dgm:choose name="Name181">
                        <dgm:if name="Name191" func="var" arg="dir" op="equ" val="norm">
                          <dgm:shape xmlns:r="http://schemas.openxmlformats.org/officeDocument/2006/relationships" rot="-90" type="round2SameRect" r:blip="">
                            <dgm:adjLst/>
                          </dgm:shape>
                        </dgm:if>
                        <dgm:else name="Name201">
                          <dgm:shape xmlns:r="http://schemas.openxmlformats.org/officeDocument/2006/relationships" rot="90" type="round2SameRect" r:blip="">
                            <dgm:adjLst/>
                          </dgm:shape>
                        </dgm:else>
                      </dgm:choose>
                    </dgm:else>
                  </dgm:choose>
                </dgm:if>
                <dgm:else name="notStartNode12">
                  <dgm:choose name="Name221">
                    <dgm:if name="Name231" axis="self" ptType="node" func="revPos" op="equ" val="1">
                      <dgm:choose name="Name241">
                        <dgm:if name="Name251" func="var" arg="dir" op="equ" val="norm">
                          <dgm:shape xmlns:r="http://schemas.openxmlformats.org/officeDocument/2006/relationships" rot="90" type="round2SameRect" r:blip="">
                            <dgm:adjLst/>
                          </dgm:shape>
                        </dgm:if>
                        <dgm:else name="Name261">
                          <dgm:shape xmlns:r="http://schemas.openxmlformats.org/officeDocument/2006/relationships" rot="-90" type="round2SameRect" r:blip="">
                            <dgm:adjLst/>
                          </dgm:shape>
                        </dgm:else>
                      </dgm:choose>
                    </dgm:if>
                    <dgm:else name="Name271">
                      <dgm:shape xmlns:r="http://schemas.openxmlformats.org/officeDocument/2006/relationships" type="rect" r:blip="">
                        <dgm:adjLst/>
                      </dgm:shape>
                    </dgm:else>
                  </dgm:choose>
                </dgm:else>
              </dgm:choose>
              <dgm:presOf axis="self" ptType="node"/>
              <dgm:constrLst>
                <dgm:constr type="lMarg" refType="primFontSz" fact="0.6"/>
                <dgm:constr type="rMarg" refType="primFontSz" fact="0.6"/>
                <dgm:constr type="tMarg" refType="primFontSz" fact="0.6"/>
                <dgm:constr type="bMarg" refType="primFontSz" fact="0.6"/>
              </dgm:constrLst>
              <dgm:ruleLst>
                <dgm:rule type="primFontSz" val="11" fact="NaN" max="NaN"/>
              </dgm:ruleLst>
            </dgm:layoutNode>
            <dgm:layoutNode name="Childtext1" styleLbl="revTx">
              <dgm:varLst>
                <dgm:bulletEnabled val="1"/>
              </dgm:varLst>
              <dgm:choose name="casesForTxtDirLogic1">
                <dgm:if name="Name771" axis="self" ptType="node" func="posOdd" op="equ" val="1">
                  <dgm:alg type="tx">
                    <dgm:param type="txAnchorVert" val="b"/>
                    <dgm:param type="txAnchorHorz" val="ctr"/>
                    <dgm:param type="parTxLTRAlign" val="ctr"/>
                    <dgm:param type="parTxRTLAlign" val="ctr"/>
                  </dgm:alg>
                  <dgm:constrLst>
                    <dgm:constr type="lMarg"/>
                    <dgm:constr type="rMarg"/>
                    <dgm:constr type="tMarg"/>
                    <dgm:constr type="bMarg" refType="primFontSz" fact="0.6"/>
                  </dgm:constrLst>
                </dgm:if>
                <dgm:else name="Name881">
                  <dgm:alg type="tx">
                    <dgm:param type="txAnchorVert" val="t"/>
                    <dgm:param type="txAnchorHorz" val="ctr"/>
                    <dgm:param type="parTxLTRAlign" val="ctr"/>
                    <dgm:param type="parTxRTLAlign" val="ctr"/>
                  </dgm:alg>
                  <dgm:constrLst>
                    <dgm:constr type="lMarg"/>
                    <dgm:constr type="rMarg"/>
                    <dgm:constr type="tMarg" refType="primFontSz" fact="0.6"/>
                    <dgm:constr type="bMarg"/>
                  </dgm:constrLst>
                </dgm:else>
              </dgm:choose>
              <dgm:shape xmlns:r="http://schemas.openxmlformats.org/officeDocument/2006/relationships" type="rect" r:blip="">
                <dgm:adjLst/>
              </dgm:shape>
              <dgm:presOf axis="ch" ptType="node"/>
              <dgm:ruleLst>
                <dgm:rule type="primFontSz" val="11" fact="NaN" max="NaN"/>
              </dgm:ruleLst>
            </dgm:layoutNode>
            <dgm:layoutNode name="ConnectLine1" styleLbl="sibTrans1D1">
              <dgm:alg type="sp"/>
              <dgm:shape xmlns:r="http://schemas.openxmlformats.org/officeDocument/2006/relationships" type="line" r:blip="">
                <dgm:adjLst/>
                <dgm:extLst>
                  <a:ext uri="{B698B0E9-8C71-41B9-8309-B3DCBF30829C}">
                    <dgm1612:spPr xmlns:dgm1612="http://schemas.microsoft.com/office/drawing/2016/12/diagram">
                      <a:ln>
                        <a:prstDash val="dash"/>
                      </a:ln>
                    </dgm1612:spPr>
                  </a:ext>
                </dgm:extLst>
              </dgm:shape>
              <dgm:presOf/>
              <dgm:constrLst/>
            </dgm:layoutNode>
            <dgm:layoutNode name="ConnectLineEnd1" styleLbl="lnNode1">
              <dgm:alg type="sp"/>
              <dgm:shape xmlns:r="http://schemas.openxmlformats.org/officeDocument/2006/relationships" type="ellipse" r:blip="">
                <dgm:adjLst/>
              </dgm:shape>
              <dgm:presOf/>
              <dgm:constrLst/>
            </dgm:layoutNode>
            <dgm:layoutNode name="EmptyPane1">
              <dgm:alg type="sp"/>
              <dgm:shape xmlns:r="http://schemas.openxmlformats.org/officeDocument/2006/relationships" r:blip="">
                <dgm:adjLst/>
              </dgm:shape>
              <dgm:presOf/>
              <dgm:constrLst/>
            </dgm:layoutNode>
          </dgm:layoutNode>
          <dgm:forEach name="Name281" axis="followSib" ptType="sibTrans" cnt="1">
            <dgm:layoutNode name="spaceBetweenRectangles1">
              <dgm:alg type="sp"/>
              <dgm:shape xmlns:r="http://schemas.openxmlformats.org/officeDocument/2006/relationships" r:blip="">
                <dgm:adjLst/>
              </dgm:shape>
              <dgm:presOf/>
              <dgm:constrLst/>
              <dgm:ruleLst/>
            </dgm:layoutNode>
          </dgm:forEach>
        </dgm:forEach>
      </dgm:else>
    </dgm:choose>
  </dgm:layoutNode>
</dgm:layoutDef>
</file>

<file path=ppt/diagrams/layout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7FC2CF-64AF-CE4A-87B9-38B7EBA2BFCB}"/>
              </a:ext>
            </a:extLst>
          </p:cNvPr>
          <p:cNvSpPr>
            <a:spLocks noGrp="1"/>
          </p:cNvSpPr>
          <p:nvPr>
            <p:ph type="ctrTitle"/>
          </p:nvPr>
        </p:nvSpPr>
        <p:spPr>
          <a:xfrm>
            <a:off x="1524000" y="1122363"/>
            <a:ext cx="9144000" cy="2387600"/>
          </a:xfrm>
        </p:spPr>
        <p:txBody>
          <a:bodyPr anchor="b"/>
          <a:lstStyle>
            <a:lvl1pPr algn="ctr">
              <a:defRPr sz="6000"/>
            </a:lvl1pPr>
          </a:lstStyle>
          <a:p>
            <a:r>
              <a:rPr lang="en-US" dirty="0"/>
              <a:t>Click to edit Master title style</a:t>
            </a:r>
          </a:p>
        </p:txBody>
      </p:sp>
      <p:sp>
        <p:nvSpPr>
          <p:cNvPr id="3" name="Subtitle 2">
            <a:extLst>
              <a:ext uri="{FF2B5EF4-FFF2-40B4-BE49-F238E27FC236}">
                <a16:creationId xmlns:a16="http://schemas.microsoft.com/office/drawing/2014/main" id="{FEC3B01A-A4C9-F341-AC7B-4CB6D2AB8830}"/>
              </a:ext>
            </a:extLst>
          </p:cNvPr>
          <p:cNvSpPr>
            <a:spLocks noGrp="1"/>
          </p:cNvSpPr>
          <p:nvPr>
            <p:ph type="subTitle" idx="1"/>
          </p:nvPr>
        </p:nvSpPr>
        <p:spPr>
          <a:xfrm>
            <a:off x="1524000" y="3602038"/>
            <a:ext cx="9144000" cy="1655762"/>
          </a:xfrm>
        </p:spPr>
        <p:txBody>
          <a:bodyPr/>
          <a:lstStyle>
            <a:lvl1pPr marL="0" indent="0" algn="ctr">
              <a:buNone/>
              <a:defRPr sz="2400" b="0" i="0">
                <a:latin typeface="Calibri Light" panose="020F0302020204030204" pitchFamily="34" charset="0"/>
                <a:cs typeface="Calibri Light" panose="020F030202020403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p>
        </p:txBody>
      </p:sp>
      <p:sp>
        <p:nvSpPr>
          <p:cNvPr id="4" name="Date Placeholder 3">
            <a:extLst>
              <a:ext uri="{FF2B5EF4-FFF2-40B4-BE49-F238E27FC236}">
                <a16:creationId xmlns:a16="http://schemas.microsoft.com/office/drawing/2014/main" id="{3B41335E-F08C-404F-AD95-0733F0A756AF}"/>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5" name="Footer Placeholder 4">
            <a:extLst>
              <a:ext uri="{FF2B5EF4-FFF2-40B4-BE49-F238E27FC236}">
                <a16:creationId xmlns:a16="http://schemas.microsoft.com/office/drawing/2014/main" id="{16E8FA41-0EF8-3742-9A70-8DF5755086AB}"/>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71F484DD-7454-804E-8C0D-A17BF52D7CB0}"/>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132878792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3FE2E24-85E9-AE42-A996-0C42F4F54A86}"/>
              </a:ext>
            </a:extLst>
          </p:cNvPr>
          <p:cNvSpPr>
            <a:spLocks noGrp="1"/>
          </p:cNvSpPr>
          <p:nvPr>
            <p:ph type="title"/>
          </p:nvPr>
        </p:nvSpPr>
        <p:spPr/>
        <p:txBody>
          <a:bodyPr/>
          <a:lstStyle/>
          <a:p>
            <a:r>
              <a:rPr lang="en-US"/>
              <a:t>Click to edit Master title style</a:t>
            </a:r>
          </a:p>
        </p:txBody>
      </p:sp>
      <p:sp>
        <p:nvSpPr>
          <p:cNvPr id="3" name="Vertical Text Placeholder 2">
            <a:extLst>
              <a:ext uri="{FF2B5EF4-FFF2-40B4-BE49-F238E27FC236}">
                <a16:creationId xmlns:a16="http://schemas.microsoft.com/office/drawing/2014/main" id="{E8EF35CE-A859-F443-B618-33EF9F715FAC}"/>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E2CFE578-5555-124E-B90E-0AC046E1BD3B}"/>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5" name="Footer Placeholder 4">
            <a:extLst>
              <a:ext uri="{FF2B5EF4-FFF2-40B4-BE49-F238E27FC236}">
                <a16:creationId xmlns:a16="http://schemas.microsoft.com/office/drawing/2014/main" id="{FC914B50-AD1E-EA4A-9177-C92606745823}"/>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2AAADB22-F6C1-6843-A3E3-5F681A9466CB}"/>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261962367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0D6A1107-1B39-514F-87DB-BC42BAD3D679}"/>
              </a:ext>
            </a:extLst>
          </p:cNvPr>
          <p:cNvSpPr>
            <a:spLocks noGrp="1"/>
          </p:cNvSpPr>
          <p:nvPr>
            <p:ph type="title" orient="vert"/>
          </p:nvPr>
        </p:nvSpPr>
        <p:spPr>
          <a:xfrm>
            <a:off x="8724900" y="365125"/>
            <a:ext cx="2628900" cy="5811838"/>
          </a:xfrm>
        </p:spPr>
        <p:txBody>
          <a:bodyPr vert="eaVert"/>
          <a:lstStyle/>
          <a:p>
            <a:r>
              <a:rPr lang="en-US"/>
              <a:t>Click to edit Master title style</a:t>
            </a:r>
          </a:p>
        </p:txBody>
      </p:sp>
      <p:sp>
        <p:nvSpPr>
          <p:cNvPr id="3" name="Vertical Text Placeholder 2">
            <a:extLst>
              <a:ext uri="{FF2B5EF4-FFF2-40B4-BE49-F238E27FC236}">
                <a16:creationId xmlns:a16="http://schemas.microsoft.com/office/drawing/2014/main" id="{98B34E34-4CCF-0848-96F9-9FE286E9DFF6}"/>
              </a:ext>
            </a:extLst>
          </p:cNvPr>
          <p:cNvSpPr>
            <a:spLocks noGrp="1"/>
          </p:cNvSpPr>
          <p:nvPr>
            <p:ph type="body" orient="vert" idx="1"/>
          </p:nvPr>
        </p:nvSpPr>
        <p:spPr>
          <a:xfrm>
            <a:off x="838200" y="365125"/>
            <a:ext cx="7734300"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29AE8F3A-5874-E146-8576-8F2559CA6D36}"/>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5" name="Footer Placeholder 4">
            <a:extLst>
              <a:ext uri="{FF2B5EF4-FFF2-40B4-BE49-F238E27FC236}">
                <a16:creationId xmlns:a16="http://schemas.microsoft.com/office/drawing/2014/main" id="{51BF92BF-6289-5341-9F9F-12CAEA4EA9A3}"/>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7766C23C-E1DE-A243-94C3-D051B778AF19}"/>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329068855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twoObj">
  <p:cSld name="1_Two Content">
    <p:spTree>
      <p:nvGrpSpPr>
        <p:cNvPr id="1" name=""/>
        <p:cNvGrpSpPr/>
        <p:nvPr/>
      </p:nvGrpSpPr>
      <p:grpSpPr>
        <a:xfrm>
          <a:off x="0" y="0"/>
          <a:ext cx="0" cy="0"/>
          <a:chOff x="0" y="0"/>
          <a:chExt cx="0" cy="0"/>
        </a:xfrm>
      </p:grpSpPr>
      <p:sp>
        <p:nvSpPr>
          <p:cNvPr id="2" name="Content Placeholder 2"/>
          <p:cNvSpPr txBox="1">
            <a:spLocks noGrp="1"/>
          </p:cNvSpPr>
          <p:nvPr>
            <p:ph idx="1"/>
          </p:nvPr>
        </p:nvSpPr>
        <p:spPr>
          <a:xfrm>
            <a:off x="1024128" y="2286000"/>
            <a:ext cx="4754880" cy="4023360"/>
          </a:xfrm>
        </p:spPr>
        <p:txBody>
          <a:bodyPr/>
          <a:lstStyle>
            <a:lvl1pPr>
              <a:defRPr/>
            </a:lvl1pPr>
            <a:lvl2pPr>
              <a:defRPr/>
            </a:lvl2pPr>
            <a:lvl3pPr>
              <a:defRPr/>
            </a:lvl3pPr>
            <a:lvl4pPr>
              <a:defRPr/>
            </a:lvl4pPr>
            <a:lvl5pPr>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Content Placeholder 3"/>
          <p:cNvSpPr txBox="1">
            <a:spLocks noGrp="1"/>
          </p:cNvSpPr>
          <p:nvPr>
            <p:ph idx="2"/>
          </p:nvPr>
        </p:nvSpPr>
        <p:spPr>
          <a:xfrm>
            <a:off x="5989320" y="2286000"/>
            <a:ext cx="4754880" cy="4023360"/>
          </a:xfrm>
        </p:spPr>
        <p:txBody>
          <a:bodyPr/>
          <a:lstStyle>
            <a:lvl1pPr>
              <a:defRPr/>
            </a:lvl1pPr>
            <a:lvl2pPr>
              <a:defRPr/>
            </a:lvl2pPr>
            <a:lvl3pPr>
              <a:defRPr/>
            </a:lvl3pPr>
            <a:lvl4pPr>
              <a:defRPr/>
            </a:lvl4pPr>
            <a:lvl5pPr>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4"/>
          <p:cNvSpPr txBox="1">
            <a:spLocks noGrp="1"/>
          </p:cNvSpPr>
          <p:nvPr>
            <p:ph type="dt" sz="half" idx="7"/>
          </p:nvPr>
        </p:nvSpPr>
        <p:spPr/>
        <p:txBody>
          <a:bodyPr/>
          <a:lstStyle>
            <a:lvl1pPr>
              <a:defRPr/>
            </a:lvl1pPr>
          </a:lstStyle>
          <a:p>
            <a:pPr lvl="0"/>
            <a:fld id="{068C1949-F39D-4D16-9BAE-BB14462C12EA}" type="datetime1">
              <a:rPr lang="en-US"/>
              <a:pPr lvl="0"/>
              <a:t>2/29/2024</a:t>
            </a:fld>
            <a:endParaRPr lang="en-US"/>
          </a:p>
        </p:txBody>
      </p:sp>
      <p:sp>
        <p:nvSpPr>
          <p:cNvPr id="5" name="Footer Placeholder 5"/>
          <p:cNvSpPr txBox="1">
            <a:spLocks noGrp="1"/>
          </p:cNvSpPr>
          <p:nvPr>
            <p:ph type="ftr" sz="quarter" idx="9"/>
          </p:nvPr>
        </p:nvSpPr>
        <p:spPr/>
        <p:txBody>
          <a:bodyPr/>
          <a:lstStyle>
            <a:lvl1pPr>
              <a:defRPr/>
            </a:lvl1pPr>
          </a:lstStyle>
          <a:p>
            <a:pPr lvl="0"/>
            <a:endParaRPr lang="en-US"/>
          </a:p>
        </p:txBody>
      </p:sp>
      <p:sp>
        <p:nvSpPr>
          <p:cNvPr id="6" name="Slide Number Placeholder 6"/>
          <p:cNvSpPr txBox="1">
            <a:spLocks noGrp="1"/>
          </p:cNvSpPr>
          <p:nvPr>
            <p:ph type="sldNum" sz="quarter" idx="8"/>
          </p:nvPr>
        </p:nvSpPr>
        <p:spPr/>
        <p:txBody>
          <a:bodyPr/>
          <a:lstStyle>
            <a:lvl1pPr>
              <a:defRPr/>
            </a:lvl1pPr>
          </a:lstStyle>
          <a:p>
            <a:pPr lvl="0"/>
            <a:fld id="{A3BE550B-6091-4C13-8848-3EAEB4577832}" type="slidenum">
              <a:t>‹#›</a:t>
            </a:fld>
            <a:endParaRPr lang="en-US"/>
          </a:p>
        </p:txBody>
      </p:sp>
    </p:spTree>
    <p:extLst>
      <p:ext uri="{BB962C8B-B14F-4D97-AF65-F5344CB8AC3E}">
        <p14:creationId xmlns:p14="http://schemas.microsoft.com/office/powerpoint/2010/main" val="426750193"/>
      </p:ext>
    </p:extLst>
  </p:cSld>
  <p:clrMapOvr>
    <a:masterClrMapping/>
  </p:clrMapOvr>
  <p:hf sldNum="0" hdr="0" ftr="0" dt="0"/>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F5616DB-1807-FF41-8A68-D7D875C3B1A2}"/>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84CBE6C4-854D-774D-8B53-A96A579063C0}"/>
              </a:ext>
            </a:extLst>
          </p:cNvPr>
          <p:cNvSpPr>
            <a:spLocks noGrp="1"/>
          </p:cNvSpPr>
          <p:nvPr>
            <p:ph idx="1"/>
          </p:nvPr>
        </p:nvSpPr>
        <p:spPr/>
        <p:txBody>
          <a:bodyPr/>
          <a:lstStyle>
            <a:lvl1pPr marL="0" indent="0">
              <a:buNone/>
              <a:defRPr>
                <a:solidFill>
                  <a:schemeClr val="accent5"/>
                </a:solidFill>
              </a:defRPr>
            </a:lvl1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6E577BBA-4E54-6F4F-96A2-6BC43B6E5A00}"/>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5" name="Footer Placeholder 4">
            <a:extLst>
              <a:ext uri="{FF2B5EF4-FFF2-40B4-BE49-F238E27FC236}">
                <a16:creationId xmlns:a16="http://schemas.microsoft.com/office/drawing/2014/main" id="{5640CB3D-B983-ED4F-81F3-523923D8912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7DF96B71-9212-8A43-9E3A-86FA91D16633}"/>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131103095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4F07D8C-075B-E943-B757-89BA9575E1AF}"/>
              </a:ext>
            </a:extLst>
          </p:cNvPr>
          <p:cNvSpPr>
            <a:spLocks noGrp="1"/>
          </p:cNvSpPr>
          <p:nvPr>
            <p:ph type="title"/>
          </p:nvPr>
        </p:nvSpPr>
        <p:spPr>
          <a:xfrm>
            <a:off x="831850" y="1709738"/>
            <a:ext cx="10515600" cy="2852737"/>
          </a:xfrm>
        </p:spPr>
        <p:txBody>
          <a:bodyPr anchor="b"/>
          <a:lstStyle>
            <a:lvl1pPr>
              <a:defRPr sz="6000"/>
            </a:lvl1pPr>
          </a:lstStyle>
          <a:p>
            <a:r>
              <a:rPr lang="en-US"/>
              <a:t>Click to edit Master title style</a:t>
            </a:r>
          </a:p>
        </p:txBody>
      </p:sp>
      <p:sp>
        <p:nvSpPr>
          <p:cNvPr id="3" name="Text Placeholder 2">
            <a:extLst>
              <a:ext uri="{FF2B5EF4-FFF2-40B4-BE49-F238E27FC236}">
                <a16:creationId xmlns:a16="http://schemas.microsoft.com/office/drawing/2014/main" id="{F69E2905-E672-CF42-84A5-D94E99B0EA17}"/>
              </a:ext>
            </a:extLst>
          </p:cNvPr>
          <p:cNvSpPr>
            <a:spLocks noGrp="1"/>
          </p:cNvSpPr>
          <p:nvPr>
            <p:ph type="body" idx="1"/>
          </p:nvPr>
        </p:nvSpPr>
        <p:spPr>
          <a:xfrm>
            <a:off x="831850" y="4589463"/>
            <a:ext cx="10515600" cy="1500187"/>
          </a:xfrm>
        </p:spPr>
        <p:txBody>
          <a:bodyPr/>
          <a:lstStyle>
            <a:lvl1pPr marL="0" indent="0">
              <a:buNone/>
              <a:defRPr sz="2400" b="0" i="1">
                <a:solidFill>
                  <a:schemeClr val="accent1"/>
                </a:solidFill>
                <a:latin typeface="Cambria" panose="02040503050406030204" pitchFamily="18"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edit Master text styles</a:t>
            </a:r>
          </a:p>
        </p:txBody>
      </p:sp>
      <p:sp>
        <p:nvSpPr>
          <p:cNvPr id="4" name="Date Placeholder 3">
            <a:extLst>
              <a:ext uri="{FF2B5EF4-FFF2-40B4-BE49-F238E27FC236}">
                <a16:creationId xmlns:a16="http://schemas.microsoft.com/office/drawing/2014/main" id="{12E4C79D-F847-2944-950D-DDA7ABCA3374}"/>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5" name="Footer Placeholder 4">
            <a:extLst>
              <a:ext uri="{FF2B5EF4-FFF2-40B4-BE49-F238E27FC236}">
                <a16:creationId xmlns:a16="http://schemas.microsoft.com/office/drawing/2014/main" id="{FC4B06C8-FC16-684A-BD5D-535E41A12DBC}"/>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636E0A12-C379-534A-ACBB-C2DD4C735F72}"/>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73743054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4A1B3E7-257A-344D-94CD-D6AD584B9519}"/>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11CDBDFB-020F-B343-9E4E-024E844CD9BB}"/>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BB7C97B1-3A83-624E-90F7-FE2E547D1912}"/>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a16="http://schemas.microsoft.com/office/drawing/2014/main" id="{3F9A855B-AA89-3944-9C46-A5F037A2896F}"/>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6" name="Footer Placeholder 5">
            <a:extLst>
              <a:ext uri="{FF2B5EF4-FFF2-40B4-BE49-F238E27FC236}">
                <a16:creationId xmlns:a16="http://schemas.microsoft.com/office/drawing/2014/main" id="{C27BF0C6-EA44-C448-A222-5B5AAC6C8698}"/>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09825C53-B8C2-6846-8B0A-362E76166A9C}"/>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55978133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DC0DB00-41B1-5F43-8E9E-C8BD045548F9}"/>
              </a:ext>
            </a:extLst>
          </p:cNvPr>
          <p:cNvSpPr>
            <a:spLocks noGrp="1"/>
          </p:cNvSpPr>
          <p:nvPr>
            <p:ph type="title"/>
          </p:nvPr>
        </p:nvSpPr>
        <p:spPr>
          <a:xfrm>
            <a:off x="839788" y="365125"/>
            <a:ext cx="10515600" cy="1325563"/>
          </a:xfrm>
        </p:spPr>
        <p:txBody>
          <a:bodyPr/>
          <a:lstStyle/>
          <a:p>
            <a:r>
              <a:rPr lang="en-US"/>
              <a:t>Click to edit Master title style</a:t>
            </a:r>
          </a:p>
        </p:txBody>
      </p:sp>
      <p:sp>
        <p:nvSpPr>
          <p:cNvPr id="3" name="Text Placeholder 2">
            <a:extLst>
              <a:ext uri="{FF2B5EF4-FFF2-40B4-BE49-F238E27FC236}">
                <a16:creationId xmlns:a16="http://schemas.microsoft.com/office/drawing/2014/main" id="{74D12D04-CF35-7A43-BAB9-A1FC3BB980F1}"/>
              </a:ext>
            </a:extLst>
          </p:cNvPr>
          <p:cNvSpPr>
            <a:spLocks noGrp="1"/>
          </p:cNvSpPr>
          <p:nvPr>
            <p:ph type="body" idx="1"/>
          </p:nvPr>
        </p:nvSpPr>
        <p:spPr>
          <a:xfrm>
            <a:off x="839788" y="1681163"/>
            <a:ext cx="5157787" cy="823912"/>
          </a:xfrm>
        </p:spPr>
        <p:txBody>
          <a:bodyPr anchor="b"/>
          <a:lstStyle>
            <a:lvl1pPr marL="0" indent="0">
              <a:buNone/>
              <a:defRPr sz="2400" b="1">
                <a:solidFill>
                  <a:schemeClr val="accent5"/>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edit Master text styles</a:t>
            </a:r>
          </a:p>
        </p:txBody>
      </p:sp>
      <p:sp>
        <p:nvSpPr>
          <p:cNvPr id="4" name="Content Placeholder 3">
            <a:extLst>
              <a:ext uri="{FF2B5EF4-FFF2-40B4-BE49-F238E27FC236}">
                <a16:creationId xmlns:a16="http://schemas.microsoft.com/office/drawing/2014/main" id="{13A94BAF-0B9F-2B40-8BEA-87429931C007}"/>
              </a:ext>
            </a:extLst>
          </p:cNvPr>
          <p:cNvSpPr>
            <a:spLocks noGrp="1"/>
          </p:cNvSpPr>
          <p:nvPr>
            <p:ph sz="half" idx="2"/>
          </p:nvPr>
        </p:nvSpPr>
        <p:spPr>
          <a:xfrm>
            <a:off x="839788"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a:extLst>
              <a:ext uri="{FF2B5EF4-FFF2-40B4-BE49-F238E27FC236}">
                <a16:creationId xmlns:a16="http://schemas.microsoft.com/office/drawing/2014/main" id="{B0CC94BB-BC0D-CD40-B6B9-D433E7E7D6E7}"/>
              </a:ext>
            </a:extLst>
          </p:cNvPr>
          <p:cNvSpPr>
            <a:spLocks noGrp="1"/>
          </p:cNvSpPr>
          <p:nvPr>
            <p:ph type="body" sz="quarter" idx="3"/>
          </p:nvPr>
        </p:nvSpPr>
        <p:spPr>
          <a:xfrm>
            <a:off x="6172200" y="1681163"/>
            <a:ext cx="5183188" cy="823912"/>
          </a:xfrm>
        </p:spPr>
        <p:txBody>
          <a:bodyPr anchor="b"/>
          <a:lstStyle>
            <a:lvl1pPr marL="0" indent="0">
              <a:buNone/>
              <a:defRPr sz="2400" b="1">
                <a:solidFill>
                  <a:schemeClr val="accent5"/>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edit Master text styles</a:t>
            </a:r>
          </a:p>
        </p:txBody>
      </p:sp>
      <p:sp>
        <p:nvSpPr>
          <p:cNvPr id="6" name="Content Placeholder 5">
            <a:extLst>
              <a:ext uri="{FF2B5EF4-FFF2-40B4-BE49-F238E27FC236}">
                <a16:creationId xmlns:a16="http://schemas.microsoft.com/office/drawing/2014/main" id="{8F95672A-5A27-4147-A29F-9F571561C973}"/>
              </a:ext>
            </a:extLst>
          </p:cNvPr>
          <p:cNvSpPr>
            <a:spLocks noGrp="1"/>
          </p:cNvSpPr>
          <p:nvPr>
            <p:ph sz="quarter" idx="4"/>
          </p:nvPr>
        </p:nvSpPr>
        <p:spPr>
          <a:xfrm>
            <a:off x="6172200"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a:extLst>
              <a:ext uri="{FF2B5EF4-FFF2-40B4-BE49-F238E27FC236}">
                <a16:creationId xmlns:a16="http://schemas.microsoft.com/office/drawing/2014/main" id="{D4031DB2-7609-554A-A355-B85DA4A8B159}"/>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8" name="Footer Placeholder 7">
            <a:extLst>
              <a:ext uri="{FF2B5EF4-FFF2-40B4-BE49-F238E27FC236}">
                <a16:creationId xmlns:a16="http://schemas.microsoft.com/office/drawing/2014/main" id="{E39F5FA2-A1A8-4949-B43C-266D47DB40E1}"/>
              </a:ext>
            </a:extLst>
          </p:cNvPr>
          <p:cNvSpPr>
            <a:spLocks noGrp="1"/>
          </p:cNvSpPr>
          <p:nvPr>
            <p:ph type="ftr" sz="quarter" idx="11"/>
          </p:nvPr>
        </p:nvSpPr>
        <p:spPr/>
        <p:txBody>
          <a:bodyPr/>
          <a:lstStyle/>
          <a:p>
            <a:endParaRPr lang="en-US"/>
          </a:p>
        </p:txBody>
      </p:sp>
      <p:sp>
        <p:nvSpPr>
          <p:cNvPr id="9" name="Slide Number Placeholder 8">
            <a:extLst>
              <a:ext uri="{FF2B5EF4-FFF2-40B4-BE49-F238E27FC236}">
                <a16:creationId xmlns:a16="http://schemas.microsoft.com/office/drawing/2014/main" id="{BF97E271-C3CC-9643-B02B-78D483B87B24}"/>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91994725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A742AB-6FD1-754C-886E-98D805060346}"/>
              </a:ext>
            </a:extLst>
          </p:cNvPr>
          <p:cNvSpPr>
            <a:spLocks noGrp="1"/>
          </p:cNvSpPr>
          <p:nvPr>
            <p:ph type="title"/>
          </p:nvPr>
        </p:nvSpPr>
        <p:spPr/>
        <p:txBody>
          <a:bodyPr/>
          <a:lstStyle/>
          <a:p>
            <a:r>
              <a:rPr lang="en-US"/>
              <a:t>Click to edit Master title style</a:t>
            </a:r>
          </a:p>
        </p:txBody>
      </p:sp>
      <p:sp>
        <p:nvSpPr>
          <p:cNvPr id="3" name="Date Placeholder 2">
            <a:extLst>
              <a:ext uri="{FF2B5EF4-FFF2-40B4-BE49-F238E27FC236}">
                <a16:creationId xmlns:a16="http://schemas.microsoft.com/office/drawing/2014/main" id="{F2AF09F3-D1CD-7441-AFCC-E3536BEC6E32}"/>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4" name="Footer Placeholder 3">
            <a:extLst>
              <a:ext uri="{FF2B5EF4-FFF2-40B4-BE49-F238E27FC236}">
                <a16:creationId xmlns:a16="http://schemas.microsoft.com/office/drawing/2014/main" id="{0B7963FA-B29C-224F-8722-F3E3B356E4B7}"/>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E16533A4-6BCE-3944-987A-3D9729B61633}"/>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320478320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10B03B4-03C5-9B40-8380-FCDEAB90B45C}"/>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3" name="Footer Placeholder 2">
            <a:extLst>
              <a:ext uri="{FF2B5EF4-FFF2-40B4-BE49-F238E27FC236}">
                <a16:creationId xmlns:a16="http://schemas.microsoft.com/office/drawing/2014/main" id="{39F812D6-8816-6244-AF46-5DA66929BEDA}"/>
              </a:ext>
            </a:extLst>
          </p:cNvPr>
          <p:cNvSpPr>
            <a:spLocks noGrp="1"/>
          </p:cNvSpPr>
          <p:nvPr>
            <p:ph type="ftr" sz="quarter" idx="11"/>
          </p:nvPr>
        </p:nvSpPr>
        <p:spPr/>
        <p:txBody>
          <a:bodyPr/>
          <a:lstStyle/>
          <a:p>
            <a:endParaRPr lang="en-US"/>
          </a:p>
        </p:txBody>
      </p:sp>
      <p:sp>
        <p:nvSpPr>
          <p:cNvPr id="4" name="Slide Number Placeholder 3">
            <a:extLst>
              <a:ext uri="{FF2B5EF4-FFF2-40B4-BE49-F238E27FC236}">
                <a16:creationId xmlns:a16="http://schemas.microsoft.com/office/drawing/2014/main" id="{631C32F4-DC82-FA4C-AE78-3AA95A280C82}"/>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19079152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B1A6839-2466-5042-AF0E-0CAB47DEAB64}"/>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p>
        </p:txBody>
      </p:sp>
      <p:sp>
        <p:nvSpPr>
          <p:cNvPr id="3" name="Content Placeholder 2">
            <a:extLst>
              <a:ext uri="{FF2B5EF4-FFF2-40B4-BE49-F238E27FC236}">
                <a16:creationId xmlns:a16="http://schemas.microsoft.com/office/drawing/2014/main" id="{84613BA9-C65F-AE47-9DB8-108D584FF04D}"/>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a:extLst>
              <a:ext uri="{FF2B5EF4-FFF2-40B4-BE49-F238E27FC236}">
                <a16:creationId xmlns:a16="http://schemas.microsoft.com/office/drawing/2014/main" id="{FE09C68F-80FF-4145-8E69-778286921A1C}"/>
              </a:ext>
            </a:extLst>
          </p:cNvPr>
          <p:cNvSpPr>
            <a:spLocks noGrp="1"/>
          </p:cNvSpPr>
          <p:nvPr>
            <p:ph type="body" sz="half" idx="2"/>
          </p:nvPr>
        </p:nvSpPr>
        <p:spPr>
          <a:xfrm>
            <a:off x="839788" y="2057400"/>
            <a:ext cx="3932237" cy="3811588"/>
          </a:xfrm>
        </p:spPr>
        <p:txBody>
          <a:bodyPr/>
          <a:lstStyle>
            <a:lvl1pPr marL="0" indent="0">
              <a:buNone/>
              <a:defRPr sz="1600">
                <a:latin typeface="Cambria" panose="02040503050406030204" pitchFamily="18" charset="0"/>
              </a:defRPr>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dirty="0"/>
              <a:t>Click to edit Master text styles</a:t>
            </a:r>
          </a:p>
        </p:txBody>
      </p:sp>
      <p:sp>
        <p:nvSpPr>
          <p:cNvPr id="5" name="Date Placeholder 4">
            <a:extLst>
              <a:ext uri="{FF2B5EF4-FFF2-40B4-BE49-F238E27FC236}">
                <a16:creationId xmlns:a16="http://schemas.microsoft.com/office/drawing/2014/main" id="{38B0AD84-3577-4D4A-847F-E54E6B5F39F7}"/>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6" name="Footer Placeholder 5">
            <a:extLst>
              <a:ext uri="{FF2B5EF4-FFF2-40B4-BE49-F238E27FC236}">
                <a16:creationId xmlns:a16="http://schemas.microsoft.com/office/drawing/2014/main" id="{01B747FD-C5A6-ED46-B926-8361C7A80D33}"/>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536833BC-8143-C24E-8C00-A7F3559634C7}"/>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184416937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D8D0620-A980-B64D-83F7-7C11D0AFAC07}"/>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p>
        </p:txBody>
      </p:sp>
      <p:sp>
        <p:nvSpPr>
          <p:cNvPr id="3" name="Picture Placeholder 2">
            <a:extLst>
              <a:ext uri="{FF2B5EF4-FFF2-40B4-BE49-F238E27FC236}">
                <a16:creationId xmlns:a16="http://schemas.microsoft.com/office/drawing/2014/main" id="{C0E837AE-4215-C247-92CA-759668498174}"/>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US"/>
          </a:p>
        </p:txBody>
      </p:sp>
      <p:sp>
        <p:nvSpPr>
          <p:cNvPr id="4" name="Text Placeholder 3">
            <a:extLst>
              <a:ext uri="{FF2B5EF4-FFF2-40B4-BE49-F238E27FC236}">
                <a16:creationId xmlns:a16="http://schemas.microsoft.com/office/drawing/2014/main" id="{CBA0D277-3431-AC4E-B38F-1B4492F0BB08}"/>
              </a:ext>
            </a:extLst>
          </p:cNvPr>
          <p:cNvSpPr>
            <a:spLocks noGrp="1"/>
          </p:cNvSpPr>
          <p:nvPr>
            <p:ph type="body" sz="half" idx="2"/>
          </p:nvPr>
        </p:nvSpPr>
        <p:spPr>
          <a:xfrm>
            <a:off x="839788" y="2057400"/>
            <a:ext cx="3932237" cy="3811588"/>
          </a:xfrm>
        </p:spPr>
        <p:txBody>
          <a:bodyPr/>
          <a:lstStyle>
            <a:lvl1pPr marL="0" indent="0">
              <a:buNone/>
              <a:defRPr sz="1600" b="0" i="0">
                <a:latin typeface="Cambria" panose="02040503050406030204" pitchFamily="18" charset="0"/>
              </a:defRPr>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dirty="0"/>
              <a:t>Click to edit Master text styles</a:t>
            </a:r>
          </a:p>
        </p:txBody>
      </p:sp>
      <p:sp>
        <p:nvSpPr>
          <p:cNvPr id="5" name="Date Placeholder 4">
            <a:extLst>
              <a:ext uri="{FF2B5EF4-FFF2-40B4-BE49-F238E27FC236}">
                <a16:creationId xmlns:a16="http://schemas.microsoft.com/office/drawing/2014/main" id="{8A3072B8-F031-544F-B8C2-597BDF0DE910}"/>
              </a:ext>
            </a:extLst>
          </p:cNvPr>
          <p:cNvSpPr>
            <a:spLocks noGrp="1"/>
          </p:cNvSpPr>
          <p:nvPr>
            <p:ph type="dt" sz="half" idx="10"/>
          </p:nvPr>
        </p:nvSpPr>
        <p:spPr/>
        <p:txBody>
          <a:bodyPr/>
          <a:lstStyle/>
          <a:p>
            <a:fld id="{12E283FE-89E7-A94E-8B41-A841656F7301}" type="datetimeFigureOut">
              <a:rPr lang="en-US" smtClean="0"/>
              <a:t>2/29/2024</a:t>
            </a:fld>
            <a:endParaRPr lang="en-US"/>
          </a:p>
        </p:txBody>
      </p:sp>
      <p:sp>
        <p:nvSpPr>
          <p:cNvPr id="6" name="Footer Placeholder 5">
            <a:extLst>
              <a:ext uri="{FF2B5EF4-FFF2-40B4-BE49-F238E27FC236}">
                <a16:creationId xmlns:a16="http://schemas.microsoft.com/office/drawing/2014/main" id="{087EE1BB-4A71-B943-8A39-B9980FEFCFF2}"/>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851DA8BB-04C3-B249-87AF-ED1320F7D30F}"/>
              </a:ext>
            </a:extLst>
          </p:cNvPr>
          <p:cNvSpPr>
            <a:spLocks noGrp="1"/>
          </p:cNvSpPr>
          <p:nvPr>
            <p:ph type="sldNum" sz="quarter" idx="12"/>
          </p:nvPr>
        </p:nvSpPr>
        <p:spPr/>
        <p:txBody>
          <a:bodyPr/>
          <a:lstStyle/>
          <a:p>
            <a:fld id="{FF02F686-C6E3-DF4C-A597-D70ABED7E7BB}" type="slidenum">
              <a:rPr lang="en-US" smtClean="0"/>
              <a:t>‹#›</a:t>
            </a:fld>
            <a:endParaRPr lang="en-US"/>
          </a:p>
        </p:txBody>
      </p:sp>
    </p:spTree>
    <p:extLst>
      <p:ext uri="{BB962C8B-B14F-4D97-AF65-F5344CB8AC3E}">
        <p14:creationId xmlns:p14="http://schemas.microsoft.com/office/powerpoint/2010/main" val="511578044"/>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962243D-C4B1-E14B-8472-3BCBC46386C7}"/>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dirty="0"/>
              <a:t>Click to edit Master title style</a:t>
            </a:r>
          </a:p>
        </p:txBody>
      </p:sp>
      <p:sp>
        <p:nvSpPr>
          <p:cNvPr id="3" name="Text Placeholder 2">
            <a:extLst>
              <a:ext uri="{FF2B5EF4-FFF2-40B4-BE49-F238E27FC236}">
                <a16:creationId xmlns:a16="http://schemas.microsoft.com/office/drawing/2014/main" id="{0FDAAE48-8C14-8F4E-9D01-4DDD67E8A85F}"/>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1DA2B32E-2B9E-8E44-B2FD-D4538C167EDD}"/>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12E283FE-89E7-A94E-8B41-A841656F7301}" type="datetimeFigureOut">
              <a:rPr lang="en-US" smtClean="0"/>
              <a:t>2/29/2024</a:t>
            </a:fld>
            <a:endParaRPr lang="en-US" dirty="0"/>
          </a:p>
        </p:txBody>
      </p:sp>
      <p:sp>
        <p:nvSpPr>
          <p:cNvPr id="5" name="Footer Placeholder 4">
            <a:extLst>
              <a:ext uri="{FF2B5EF4-FFF2-40B4-BE49-F238E27FC236}">
                <a16:creationId xmlns:a16="http://schemas.microsoft.com/office/drawing/2014/main" id="{FC35CA30-A674-7242-86B4-F91F37A1B817}"/>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US" dirty="0"/>
          </a:p>
        </p:txBody>
      </p:sp>
      <p:sp>
        <p:nvSpPr>
          <p:cNvPr id="6" name="Slide Number Placeholder 5">
            <a:extLst>
              <a:ext uri="{FF2B5EF4-FFF2-40B4-BE49-F238E27FC236}">
                <a16:creationId xmlns:a16="http://schemas.microsoft.com/office/drawing/2014/main" id="{5FD53717-B646-8E40-A05F-144531553C21}"/>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FF02F686-C6E3-DF4C-A597-D70ABED7E7BB}" type="slidenum">
              <a:rPr lang="en-US" smtClean="0"/>
              <a:t>‹#›</a:t>
            </a:fld>
            <a:endParaRPr lang="en-US" dirty="0"/>
          </a:p>
        </p:txBody>
      </p:sp>
    </p:spTree>
    <p:extLst>
      <p:ext uri="{BB962C8B-B14F-4D97-AF65-F5344CB8AC3E}">
        <p14:creationId xmlns:p14="http://schemas.microsoft.com/office/powerpoint/2010/main" val="2677652902"/>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Lst>
  <p:txStyles>
    <p:titleStyle>
      <a:lvl1pPr algn="l" defTabSz="914400" rtl="0" eaLnBrk="1" latinLnBrk="0" hangingPunct="1">
        <a:lnSpc>
          <a:spcPct val="90000"/>
        </a:lnSpc>
        <a:spcBef>
          <a:spcPct val="0"/>
        </a:spcBef>
        <a:buNone/>
        <a:defRPr sz="4400" b="1" i="0" kern="1200">
          <a:solidFill>
            <a:schemeClr val="accent1"/>
          </a:solidFill>
          <a:latin typeface="Calibri" panose="020F0502020204030204" pitchFamily="34" charset="0"/>
          <a:ea typeface="+mj-ea"/>
          <a:cs typeface="Calibri" panose="020F0502020204030204" pitchFamily="34" charset="0"/>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Cambria" panose="02040503050406030204" pitchFamily="18" charset="0"/>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Cambria" panose="02040503050406030204" pitchFamily="18" charset="0"/>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Cambria" panose="02040503050406030204" pitchFamily="18" charset="0"/>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Cambria" panose="02040503050406030204" pitchFamily="18"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image" Target="../media/image12.jpeg"/><Relationship Id="rId1" Type="http://schemas.openxmlformats.org/officeDocument/2006/relationships/slideLayout" Target="../slideLayouts/slideLayout2.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12.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4.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7.xml.rels><?xml version="1.0" encoding="UTF-8" standalone="yes"?>
<Relationships xmlns="http://schemas.openxmlformats.org/package/2006/relationships"><Relationship Id="rId2" Type="http://schemas.openxmlformats.org/officeDocument/2006/relationships/hyperlink" Target="http://www.nciperiatal.com/" TargetMode="External"/><Relationship Id="rId1" Type="http://schemas.openxmlformats.org/officeDocument/2006/relationships/slideLayout" Target="../slideLayouts/slideLayout1.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3" Type="http://schemas.openxmlformats.org/officeDocument/2006/relationships/hyperlink" Target="mailto:reports@maca-us.org" TargetMode="External"/><Relationship Id="rId2" Type="http://schemas.openxmlformats.org/officeDocument/2006/relationships/image" Target="../media/image15.png"/><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6.jpeg"/><Relationship Id="rId1" Type="http://schemas.openxmlformats.org/officeDocument/2006/relationships/slideLayout" Target="../slideLayouts/slideLayout8.xml"/><Relationship Id="rId4" Type="http://schemas.openxmlformats.org/officeDocument/2006/relationships/image" Target="../media/image17.png"/></Relationships>
</file>

<file path=ppt/slides/_rels/slide22.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image" Target="../media/image18.png"/><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3" Type="http://schemas.openxmlformats.org/officeDocument/2006/relationships/hyperlink" Target="https://www.ohioemployerlawblog.com/2016/02/happy-leap-day-or-happy-exempt.html" TargetMode="External"/><Relationship Id="rId2" Type="http://schemas.openxmlformats.org/officeDocument/2006/relationships/image" Target="../media/image2.png"/><Relationship Id="rId1" Type="http://schemas.openxmlformats.org/officeDocument/2006/relationships/slideLayout" Target="../slideLayouts/slideLayout8.xml"/><Relationship Id="rId4" Type="http://schemas.openxmlformats.org/officeDocument/2006/relationships/hyperlink" Target="https://creativecommons.org/licenses/by-nc-nd/3.0/" TargetMode="External"/></Relationships>
</file>

<file path=ppt/slides/_rels/slide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Layout" Target="../slideLayouts/slideLayout8.xml"/><Relationship Id="rId5" Type="http://schemas.openxmlformats.org/officeDocument/2006/relationships/image" Target="../media/image6.jpeg"/><Relationship Id="rId4" Type="http://schemas.openxmlformats.org/officeDocument/2006/relationships/image" Target="../media/image5.png"/></Relationships>
</file>

<file path=ppt/slides/_rels/slide5.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image" Target="../media/image7.png"/><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image" Target="../media/image9.png"/><Relationship Id="rId1"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FF1861-52C4-C517-CE05-529DC80FA861}"/>
              </a:ext>
            </a:extLst>
          </p:cNvPr>
          <p:cNvSpPr>
            <a:spLocks noGrp="1"/>
          </p:cNvSpPr>
          <p:nvPr>
            <p:ph type="ctrTitle"/>
          </p:nvPr>
        </p:nvSpPr>
        <p:spPr/>
        <p:txBody>
          <a:bodyPr/>
          <a:lstStyle/>
          <a:p>
            <a:r>
              <a:rPr lang="en-US" dirty="0"/>
              <a:t>Regional Quality Council (RQC)	</a:t>
            </a:r>
          </a:p>
        </p:txBody>
      </p:sp>
      <p:sp>
        <p:nvSpPr>
          <p:cNvPr id="3" name="Subtitle 2">
            <a:extLst>
              <a:ext uri="{FF2B5EF4-FFF2-40B4-BE49-F238E27FC236}">
                <a16:creationId xmlns:a16="http://schemas.microsoft.com/office/drawing/2014/main" id="{6FD73699-CCBB-8CCC-A464-326836C0A538}"/>
              </a:ext>
            </a:extLst>
          </p:cNvPr>
          <p:cNvSpPr>
            <a:spLocks noGrp="1"/>
          </p:cNvSpPr>
          <p:nvPr>
            <p:ph type="subTitle" idx="1"/>
          </p:nvPr>
        </p:nvSpPr>
        <p:spPr/>
        <p:txBody>
          <a:bodyPr/>
          <a:lstStyle/>
          <a:p>
            <a:r>
              <a:rPr lang="en-US" dirty="0"/>
              <a:t>North Central IL Perinatal Network</a:t>
            </a:r>
          </a:p>
          <a:p>
            <a:r>
              <a:rPr lang="en-US" dirty="0"/>
              <a:t>February 29, 2024</a:t>
            </a:r>
          </a:p>
        </p:txBody>
      </p:sp>
    </p:spTree>
    <p:extLst>
      <p:ext uri="{BB962C8B-B14F-4D97-AF65-F5344CB8AC3E}">
        <p14:creationId xmlns:p14="http://schemas.microsoft.com/office/powerpoint/2010/main" val="313177843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8164D460-71F2-CD26-D683-DE2738344A9E}"/>
              </a:ext>
            </a:extLst>
          </p:cNvPr>
          <p:cNvPicPr>
            <a:picLocks noChangeAspect="1"/>
          </p:cNvPicPr>
          <p:nvPr/>
        </p:nvPicPr>
        <p:blipFill rotWithShape="1">
          <a:blip r:embed="rId2"/>
          <a:srcRect b="33412"/>
          <a:stretch/>
        </p:blipFill>
        <p:spPr>
          <a:xfrm>
            <a:off x="5256679" y="223284"/>
            <a:ext cx="6024023" cy="6634716"/>
          </a:xfrm>
          <a:prstGeom prst="rect">
            <a:avLst/>
          </a:prstGeom>
        </p:spPr>
      </p:pic>
      <p:sp>
        <p:nvSpPr>
          <p:cNvPr id="8" name="Title 1">
            <a:extLst>
              <a:ext uri="{FF2B5EF4-FFF2-40B4-BE49-F238E27FC236}">
                <a16:creationId xmlns:a16="http://schemas.microsoft.com/office/drawing/2014/main" id="{DE03E174-D621-2ECF-E308-2BD6BDAAEFA5}"/>
              </a:ext>
            </a:extLst>
          </p:cNvPr>
          <p:cNvSpPr txBox="1">
            <a:spLocks/>
          </p:cNvSpPr>
          <p:nvPr/>
        </p:nvSpPr>
        <p:spPr>
          <a:xfrm>
            <a:off x="341614" y="313228"/>
            <a:ext cx="7144740" cy="1278455"/>
          </a:xfrm>
          <a:prstGeom prst="rect">
            <a:avLst/>
          </a:prstGeom>
          <a:noFill/>
          <a:ln>
            <a:noFill/>
          </a:ln>
        </p:spPr>
        <p:txBody>
          <a:bodyPr vert="horz" wrap="square" lIns="91440" tIns="45720" rIns="91440" bIns="45720" rtlCol="0" anchor="ctr" anchorCtr="0" compatLnSpc="1">
            <a:normAutofit/>
          </a:bodyPr>
          <a:lstStyle>
            <a:lvl1pPr algn="l" defTabSz="914400" rtl="0" eaLnBrk="1" latinLnBrk="0" hangingPunct="1">
              <a:lnSpc>
                <a:spcPct val="90000"/>
              </a:lnSpc>
              <a:spcBef>
                <a:spcPct val="0"/>
              </a:spcBef>
              <a:buNone/>
              <a:defRPr sz="4400" b="1" i="0" kern="1200">
                <a:solidFill>
                  <a:schemeClr val="accent1"/>
                </a:solidFill>
                <a:latin typeface="Calibri" panose="020F0502020204030204" pitchFamily="34" charset="0"/>
                <a:ea typeface="+mj-ea"/>
                <a:cs typeface="Calibri" panose="020F0502020204030204" pitchFamily="34" charset="0"/>
              </a:defRPr>
            </a:lvl1pPr>
          </a:lstStyle>
          <a:p>
            <a:pPr>
              <a:spcBef>
                <a:spcPts val="0"/>
              </a:spcBef>
            </a:pPr>
            <a:r>
              <a:rPr lang="en-US" sz="3200" dirty="0">
                <a:latin typeface="+mn-lt"/>
                <a:ea typeface="Calibri" panose="020F0502020204030204" pitchFamily="34" charset="0"/>
                <a:cs typeface="Times New Roman" panose="02020603050405020304" pitchFamily="18" charset="0"/>
              </a:rPr>
              <a:t>North Central Illinois </a:t>
            </a:r>
            <a:br>
              <a:rPr lang="en-US" sz="3200" dirty="0">
                <a:latin typeface="+mn-lt"/>
                <a:ea typeface="Calibri" panose="020F0502020204030204" pitchFamily="34" charset="0"/>
                <a:cs typeface="Times New Roman" panose="02020603050405020304" pitchFamily="18" charset="0"/>
              </a:rPr>
            </a:br>
            <a:r>
              <a:rPr lang="en-US" sz="3200" dirty="0">
                <a:latin typeface="+mn-lt"/>
                <a:ea typeface="Calibri" panose="020F0502020204030204" pitchFamily="34" charset="0"/>
                <a:cs typeface="Times New Roman" panose="02020603050405020304" pitchFamily="18" charset="0"/>
              </a:rPr>
              <a:t>Perinatal Network Hospitals</a:t>
            </a:r>
          </a:p>
        </p:txBody>
      </p:sp>
      <p:sp>
        <p:nvSpPr>
          <p:cNvPr id="20" name="Oval 19">
            <a:extLst>
              <a:ext uri="{FF2B5EF4-FFF2-40B4-BE49-F238E27FC236}">
                <a16:creationId xmlns:a16="http://schemas.microsoft.com/office/drawing/2014/main" id="{C51D35C1-12E7-1A5F-E717-3306656B0B55}"/>
              </a:ext>
            </a:extLst>
          </p:cNvPr>
          <p:cNvSpPr/>
          <p:nvPr/>
        </p:nvSpPr>
        <p:spPr>
          <a:xfrm>
            <a:off x="7757566" y="3226970"/>
            <a:ext cx="274320" cy="276677"/>
          </a:xfrm>
          <a:prstGeom prst="ellipse">
            <a:avLst/>
          </a:prstGeom>
          <a:solidFill>
            <a:schemeClr val="accent5"/>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1" name="Oval 20">
            <a:extLst>
              <a:ext uri="{FF2B5EF4-FFF2-40B4-BE49-F238E27FC236}">
                <a16:creationId xmlns:a16="http://schemas.microsoft.com/office/drawing/2014/main" id="{60AE2CB0-C3FE-4352-0738-301540DD4596}"/>
              </a:ext>
            </a:extLst>
          </p:cNvPr>
          <p:cNvSpPr/>
          <p:nvPr/>
        </p:nvSpPr>
        <p:spPr>
          <a:xfrm>
            <a:off x="6581953" y="1920941"/>
            <a:ext cx="274320" cy="276677"/>
          </a:xfrm>
          <a:prstGeom prst="ellipse">
            <a:avLst/>
          </a:prstGeom>
          <a:solidFill>
            <a:schemeClr val="accent5"/>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2" name="Oval 21">
            <a:extLst>
              <a:ext uri="{FF2B5EF4-FFF2-40B4-BE49-F238E27FC236}">
                <a16:creationId xmlns:a16="http://schemas.microsoft.com/office/drawing/2014/main" id="{FA15E7D7-55A2-9A51-8798-E316E23A4D70}"/>
              </a:ext>
            </a:extLst>
          </p:cNvPr>
          <p:cNvSpPr/>
          <p:nvPr/>
        </p:nvSpPr>
        <p:spPr>
          <a:xfrm>
            <a:off x="8951184" y="3763168"/>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3" name="Oval 22">
            <a:extLst>
              <a:ext uri="{FF2B5EF4-FFF2-40B4-BE49-F238E27FC236}">
                <a16:creationId xmlns:a16="http://schemas.microsoft.com/office/drawing/2014/main" id="{2AA9CB06-A9AF-6D96-D09C-1DC17D58A801}"/>
              </a:ext>
            </a:extLst>
          </p:cNvPr>
          <p:cNvSpPr/>
          <p:nvPr/>
        </p:nvSpPr>
        <p:spPr>
          <a:xfrm>
            <a:off x="6744345" y="2162782"/>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4" name="Oval 23">
            <a:extLst>
              <a:ext uri="{FF2B5EF4-FFF2-40B4-BE49-F238E27FC236}">
                <a16:creationId xmlns:a16="http://schemas.microsoft.com/office/drawing/2014/main" id="{02F281A9-9E03-E964-A4C6-2D85FC0A1C5A}"/>
              </a:ext>
            </a:extLst>
          </p:cNvPr>
          <p:cNvSpPr/>
          <p:nvPr/>
        </p:nvSpPr>
        <p:spPr>
          <a:xfrm>
            <a:off x="7311870" y="3592171"/>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5" name="Oval 24">
            <a:extLst>
              <a:ext uri="{FF2B5EF4-FFF2-40B4-BE49-F238E27FC236}">
                <a16:creationId xmlns:a16="http://schemas.microsoft.com/office/drawing/2014/main" id="{B47703DD-5CAD-AB86-0BE2-3479BF5BC1B3}"/>
              </a:ext>
            </a:extLst>
          </p:cNvPr>
          <p:cNvSpPr/>
          <p:nvPr/>
        </p:nvSpPr>
        <p:spPr>
          <a:xfrm>
            <a:off x="9088344" y="2223253"/>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6" name="Oval 25">
            <a:extLst>
              <a:ext uri="{FF2B5EF4-FFF2-40B4-BE49-F238E27FC236}">
                <a16:creationId xmlns:a16="http://schemas.microsoft.com/office/drawing/2014/main" id="{5E44405A-DD15-2C2B-6251-35ADAC775B7D}"/>
              </a:ext>
            </a:extLst>
          </p:cNvPr>
          <p:cNvSpPr/>
          <p:nvPr/>
        </p:nvSpPr>
        <p:spPr>
          <a:xfrm>
            <a:off x="6915499" y="2872219"/>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8" name="Oval 27">
            <a:extLst>
              <a:ext uri="{FF2B5EF4-FFF2-40B4-BE49-F238E27FC236}">
                <a16:creationId xmlns:a16="http://schemas.microsoft.com/office/drawing/2014/main" id="{92630DBC-A076-18F8-9ED1-3C27423608F6}"/>
              </a:ext>
            </a:extLst>
          </p:cNvPr>
          <p:cNvSpPr/>
          <p:nvPr/>
        </p:nvSpPr>
        <p:spPr>
          <a:xfrm>
            <a:off x="9380911" y="3010557"/>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rPr>
              <a:t>7</a:t>
            </a:r>
          </a:p>
        </p:txBody>
      </p:sp>
      <p:sp>
        <p:nvSpPr>
          <p:cNvPr id="2" name="TextBox 1">
            <a:extLst>
              <a:ext uri="{FF2B5EF4-FFF2-40B4-BE49-F238E27FC236}">
                <a16:creationId xmlns:a16="http://schemas.microsoft.com/office/drawing/2014/main" id="{BCD13312-FC49-8288-DBC8-13864B21950F}"/>
              </a:ext>
            </a:extLst>
          </p:cNvPr>
          <p:cNvSpPr txBox="1"/>
          <p:nvPr/>
        </p:nvSpPr>
        <p:spPr>
          <a:xfrm>
            <a:off x="433009" y="1963507"/>
            <a:ext cx="4571762" cy="4688463"/>
          </a:xfrm>
          <a:prstGeom prst="rect">
            <a:avLst/>
          </a:prstGeom>
          <a:noFill/>
        </p:spPr>
        <p:txBody>
          <a:bodyPr wrap="square">
            <a:spAutoFit/>
          </a:bodyPr>
          <a:lstStyle/>
          <a:p>
            <a:pPr marL="0" indent="0">
              <a:spcBef>
                <a:spcPts val="0"/>
              </a:spcBef>
              <a:spcAft>
                <a:spcPts val="200"/>
              </a:spcAft>
              <a:buNone/>
            </a:pPr>
            <a:r>
              <a:rPr lang="en-US" sz="1600" b="1" cap="all" dirty="0">
                <a:solidFill>
                  <a:srgbClr val="C00000"/>
                </a:solidFill>
                <a:latin typeface="+mj-lt"/>
                <a:ea typeface="Times New Roman" panose="02020603050405020304" pitchFamily="18" charset="0"/>
                <a:cs typeface="Times New Roman (Headings CS)"/>
              </a:rPr>
              <a:t>Level 0 – no maternity</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Genesis – </a:t>
            </a:r>
            <a:r>
              <a:rPr lang="en-US" sz="1600" dirty="0">
                <a:latin typeface="Cambria" panose="02040503050406030204" pitchFamily="18" charset="0"/>
                <a:ea typeface="Calibri" panose="020F0502020204030204" pitchFamily="34" charset="0"/>
                <a:cs typeface="Times New Roman" panose="02020603050405020304" pitchFamily="18" charset="0"/>
              </a:rPr>
              <a:t>Aledo</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Hammond Henry – </a:t>
            </a:r>
            <a:r>
              <a:rPr lang="en-US" sz="1600" dirty="0">
                <a:latin typeface="Cambria" panose="02040503050406030204" pitchFamily="18" charset="0"/>
                <a:ea typeface="Calibri" panose="020F0502020204030204" pitchFamily="34" charset="0"/>
                <a:cs typeface="Times New Roman" panose="02020603050405020304" pitchFamily="18" charset="0"/>
              </a:rPr>
              <a:t>Geneseo</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Iroquois – </a:t>
            </a:r>
            <a:r>
              <a:rPr lang="en-US" sz="1600" dirty="0">
                <a:latin typeface="Cambria" panose="02040503050406030204" pitchFamily="18" charset="0"/>
                <a:ea typeface="Calibri" panose="020F0502020204030204" pitchFamily="34" charset="0"/>
                <a:cs typeface="Times New Roman" panose="02020603050405020304" pitchFamily="18" charset="0"/>
              </a:rPr>
              <a:t>Watseka</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Center for Health – </a:t>
            </a:r>
            <a:r>
              <a:rPr lang="en-US" sz="1600" dirty="0">
                <a:latin typeface="Cambria" panose="02040503050406030204" pitchFamily="18" charset="0"/>
                <a:ea typeface="Calibri" panose="020F0502020204030204" pitchFamily="34" charset="0"/>
                <a:cs typeface="Times New Roman" panose="02020603050405020304" pitchFamily="18" charset="0"/>
              </a:rPr>
              <a:t>Streator</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aint Clare – </a:t>
            </a:r>
            <a:r>
              <a:rPr lang="en-US" sz="1600" dirty="0">
                <a:latin typeface="Cambria" panose="02040503050406030204" pitchFamily="18" charset="0"/>
                <a:ea typeface="Calibri" panose="020F0502020204030204" pitchFamily="34" charset="0"/>
                <a:cs typeface="Times New Roman" panose="02020603050405020304" pitchFamily="18" charset="0"/>
              </a:rPr>
              <a:t>Princeton</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aint Paul – </a:t>
            </a:r>
            <a:r>
              <a:rPr lang="en-US" sz="1600" dirty="0">
                <a:latin typeface="Cambria" panose="02040503050406030204" pitchFamily="18" charset="0"/>
                <a:ea typeface="Calibri" panose="020F0502020204030204" pitchFamily="34" charset="0"/>
                <a:cs typeface="Times New Roman" panose="02020603050405020304" pitchFamily="18" charset="0"/>
              </a:rPr>
              <a:t>Mendota</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t. James</a:t>
            </a:r>
            <a:r>
              <a:rPr lang="en-US" sz="1600" dirty="0">
                <a:latin typeface="Cambria" panose="02040503050406030204" pitchFamily="18" charset="0"/>
                <a:ea typeface="Calibri" panose="020F0502020204030204" pitchFamily="34" charset="0"/>
                <a:cs typeface="Times New Roman" panose="02020603050405020304" pitchFamily="18" charset="0"/>
              </a:rPr>
              <a:t> - Pontiac</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Holy Family – </a:t>
            </a:r>
            <a:r>
              <a:rPr lang="en-US" sz="1600" dirty="0">
                <a:latin typeface="Cambria" panose="02040503050406030204" pitchFamily="18" charset="0"/>
                <a:ea typeface="Calibri" panose="020F0502020204030204" pitchFamily="34" charset="0"/>
                <a:cs typeface="Times New Roman" panose="02020603050405020304" pitchFamily="18" charset="0"/>
              </a:rPr>
              <a:t>Monmouth</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aint Luke – </a:t>
            </a:r>
            <a:r>
              <a:rPr lang="en-US" sz="1600" dirty="0">
                <a:latin typeface="Cambria" panose="02040503050406030204" pitchFamily="18" charset="0"/>
                <a:ea typeface="Calibri" panose="020F0502020204030204" pitchFamily="34" charset="0"/>
                <a:cs typeface="Times New Roman" panose="02020603050405020304" pitchFamily="18" charset="0"/>
              </a:rPr>
              <a:t>Kewanee</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UnityPoint Health-Pekin – </a:t>
            </a:r>
            <a:r>
              <a:rPr lang="en-US" sz="1600" dirty="0">
                <a:latin typeface="Cambria" panose="02040503050406030204" pitchFamily="18" charset="0"/>
                <a:ea typeface="Calibri" panose="020F0502020204030204" pitchFamily="34" charset="0"/>
                <a:cs typeface="Times New Roman" panose="02020603050405020304" pitchFamily="18" charset="0"/>
              </a:rPr>
              <a:t>Pekin</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UnityPoint Health-Proctor – </a:t>
            </a:r>
            <a:r>
              <a:rPr lang="en-US" sz="1600" dirty="0">
                <a:latin typeface="Cambria" panose="02040503050406030204" pitchFamily="18" charset="0"/>
                <a:ea typeface="Calibri" panose="020F0502020204030204" pitchFamily="34" charset="0"/>
                <a:cs typeface="Times New Roman" panose="02020603050405020304" pitchFamily="18" charset="0"/>
              </a:rPr>
              <a:t>Peoria</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Carle Eureka – </a:t>
            </a:r>
            <a:r>
              <a:rPr lang="en-US" sz="1600" dirty="0">
                <a:latin typeface="Cambria" panose="02040503050406030204" pitchFamily="18" charset="0"/>
                <a:ea typeface="Calibri" panose="020F0502020204030204" pitchFamily="34" charset="0"/>
                <a:cs typeface="Times New Roman" panose="02020603050405020304" pitchFamily="18" charset="0"/>
              </a:rPr>
              <a:t>Eureka</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Hopedale Medical Complex – </a:t>
            </a:r>
            <a:r>
              <a:rPr lang="en-US" sz="1600" dirty="0">
                <a:latin typeface="Cambria" panose="02040503050406030204" pitchFamily="18" charset="0"/>
                <a:ea typeface="Calibri" panose="020F0502020204030204" pitchFamily="34" charset="0"/>
                <a:cs typeface="Times New Roman" panose="02020603050405020304" pitchFamily="18" charset="0"/>
              </a:rPr>
              <a:t>Hopedale</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Memorial Hospital – </a:t>
            </a:r>
            <a:r>
              <a:rPr lang="en-US" sz="1600" dirty="0">
                <a:latin typeface="Cambria" panose="02040503050406030204" pitchFamily="18" charset="0"/>
                <a:ea typeface="Calibri" panose="020F0502020204030204" pitchFamily="34" charset="0"/>
                <a:cs typeface="Times New Roman" panose="02020603050405020304" pitchFamily="18" charset="0"/>
              </a:rPr>
              <a:t>Carthage</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Heart of Mary – </a:t>
            </a:r>
            <a:r>
              <a:rPr lang="en-US" sz="1600" dirty="0">
                <a:latin typeface="Cambria" panose="02040503050406030204" pitchFamily="18" charset="0"/>
                <a:ea typeface="Calibri" panose="020F0502020204030204" pitchFamily="34" charset="0"/>
                <a:cs typeface="Times New Roman" panose="02020603050405020304" pitchFamily="18" charset="0"/>
              </a:rPr>
              <a:t>Urbana</a:t>
            </a:r>
          </a:p>
          <a:p>
            <a:pPr marL="342900" indent="-342900">
              <a:spcBef>
                <a:spcPts val="0"/>
              </a:spcBef>
              <a:spcAft>
                <a:spcPts val="200"/>
              </a:spcAft>
              <a:buClr>
                <a:srgbClr val="C0000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t. Elizabeth’s - </a:t>
            </a:r>
            <a:r>
              <a:rPr lang="en-US" sz="1600" dirty="0">
                <a:latin typeface="Cambria" panose="02040503050406030204" pitchFamily="18" charset="0"/>
                <a:ea typeface="Calibri" panose="020F0502020204030204" pitchFamily="34" charset="0"/>
                <a:cs typeface="Times New Roman" panose="02020603050405020304" pitchFamily="18" charset="0"/>
              </a:rPr>
              <a:t>Peru</a:t>
            </a:r>
          </a:p>
        </p:txBody>
      </p:sp>
      <p:sp>
        <p:nvSpPr>
          <p:cNvPr id="3" name="Oval 2">
            <a:extLst>
              <a:ext uri="{FF2B5EF4-FFF2-40B4-BE49-F238E27FC236}">
                <a16:creationId xmlns:a16="http://schemas.microsoft.com/office/drawing/2014/main" id="{CA4FCAA2-2589-A30E-707E-7979F8CEF747}"/>
              </a:ext>
            </a:extLst>
          </p:cNvPr>
          <p:cNvSpPr/>
          <p:nvPr/>
        </p:nvSpPr>
        <p:spPr>
          <a:xfrm>
            <a:off x="6262156" y="2453588"/>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1</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4" name="Oval 3">
            <a:extLst>
              <a:ext uri="{FF2B5EF4-FFF2-40B4-BE49-F238E27FC236}">
                <a16:creationId xmlns:a16="http://schemas.microsoft.com/office/drawing/2014/main" id="{7EA220A4-DE04-772F-D825-B98D1A9DBAB0}"/>
              </a:ext>
            </a:extLst>
          </p:cNvPr>
          <p:cNvSpPr/>
          <p:nvPr/>
        </p:nvSpPr>
        <p:spPr>
          <a:xfrm>
            <a:off x="7181057" y="1920941"/>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rPr>
              <a:t>2</a:t>
            </a:r>
          </a:p>
        </p:txBody>
      </p:sp>
      <p:sp>
        <p:nvSpPr>
          <p:cNvPr id="6" name="Oval 5">
            <a:extLst>
              <a:ext uri="{FF2B5EF4-FFF2-40B4-BE49-F238E27FC236}">
                <a16:creationId xmlns:a16="http://schemas.microsoft.com/office/drawing/2014/main" id="{43D1D632-8D23-6310-D1EC-8A1DA1395470}"/>
              </a:ext>
            </a:extLst>
          </p:cNvPr>
          <p:cNvSpPr/>
          <p:nvPr/>
        </p:nvSpPr>
        <p:spPr>
          <a:xfrm>
            <a:off x="10698175" y="3217639"/>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rPr>
              <a:t>3</a:t>
            </a:r>
          </a:p>
        </p:txBody>
      </p:sp>
      <p:sp>
        <p:nvSpPr>
          <p:cNvPr id="7" name="Oval 6">
            <a:extLst>
              <a:ext uri="{FF2B5EF4-FFF2-40B4-BE49-F238E27FC236}">
                <a16:creationId xmlns:a16="http://schemas.microsoft.com/office/drawing/2014/main" id="{FC6ACD21-A154-AB8F-A727-A3E3FAA62406}"/>
              </a:ext>
            </a:extLst>
          </p:cNvPr>
          <p:cNvSpPr/>
          <p:nvPr/>
        </p:nvSpPr>
        <p:spPr>
          <a:xfrm>
            <a:off x="9088344" y="2561950"/>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rPr>
              <a:t>4</a:t>
            </a:r>
          </a:p>
        </p:txBody>
      </p:sp>
      <p:sp>
        <p:nvSpPr>
          <p:cNvPr id="10" name="Oval 9">
            <a:extLst>
              <a:ext uri="{FF2B5EF4-FFF2-40B4-BE49-F238E27FC236}">
                <a16:creationId xmlns:a16="http://schemas.microsoft.com/office/drawing/2014/main" id="{A1E9AA40-E460-B6AD-477D-B760196D3CA0}"/>
              </a:ext>
            </a:extLst>
          </p:cNvPr>
          <p:cNvSpPr/>
          <p:nvPr/>
        </p:nvSpPr>
        <p:spPr>
          <a:xfrm>
            <a:off x="8034830" y="2125850"/>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5</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1" name="Oval 10">
            <a:extLst>
              <a:ext uri="{FF2B5EF4-FFF2-40B4-BE49-F238E27FC236}">
                <a16:creationId xmlns:a16="http://schemas.microsoft.com/office/drawing/2014/main" id="{D8FC1AA8-3F29-FA9A-3657-06BC5534E569}"/>
              </a:ext>
            </a:extLst>
          </p:cNvPr>
          <p:cNvSpPr/>
          <p:nvPr/>
        </p:nvSpPr>
        <p:spPr>
          <a:xfrm>
            <a:off x="8814024" y="1954294"/>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6</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3" name="Oval 12">
            <a:extLst>
              <a:ext uri="{FF2B5EF4-FFF2-40B4-BE49-F238E27FC236}">
                <a16:creationId xmlns:a16="http://schemas.microsoft.com/office/drawing/2014/main" id="{1167F941-65E8-0E9C-7AF2-83E7A931D0C4}"/>
              </a:ext>
            </a:extLst>
          </p:cNvPr>
          <p:cNvSpPr/>
          <p:nvPr/>
        </p:nvSpPr>
        <p:spPr>
          <a:xfrm>
            <a:off x="6423572" y="2980581"/>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8</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4" name="Oval 13">
            <a:extLst>
              <a:ext uri="{FF2B5EF4-FFF2-40B4-BE49-F238E27FC236}">
                <a16:creationId xmlns:a16="http://schemas.microsoft.com/office/drawing/2014/main" id="{96F87FDE-1469-D9E5-E3C1-F5E12551BD3C}"/>
              </a:ext>
            </a:extLst>
          </p:cNvPr>
          <p:cNvSpPr/>
          <p:nvPr/>
        </p:nvSpPr>
        <p:spPr>
          <a:xfrm>
            <a:off x="7402376" y="2315249"/>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9</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5" name="Oval 14">
            <a:extLst>
              <a:ext uri="{FF2B5EF4-FFF2-40B4-BE49-F238E27FC236}">
                <a16:creationId xmlns:a16="http://schemas.microsoft.com/office/drawing/2014/main" id="{00AFFEC5-D74E-991C-EC10-F071E8A7A013}"/>
              </a:ext>
            </a:extLst>
          </p:cNvPr>
          <p:cNvSpPr/>
          <p:nvPr/>
        </p:nvSpPr>
        <p:spPr>
          <a:xfrm>
            <a:off x="7975478" y="3664688"/>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6" name="TextBox 15">
            <a:extLst>
              <a:ext uri="{FF2B5EF4-FFF2-40B4-BE49-F238E27FC236}">
                <a16:creationId xmlns:a16="http://schemas.microsoft.com/office/drawing/2014/main" id="{03C7CC2B-59BD-3D90-327D-2459A86257DF}"/>
              </a:ext>
            </a:extLst>
          </p:cNvPr>
          <p:cNvSpPr txBox="1"/>
          <p:nvPr/>
        </p:nvSpPr>
        <p:spPr>
          <a:xfrm>
            <a:off x="7943739" y="3678979"/>
            <a:ext cx="340501" cy="246221"/>
          </a:xfrm>
          <a:prstGeom prst="rect">
            <a:avLst/>
          </a:prstGeom>
          <a:noFill/>
        </p:spPr>
        <p:txBody>
          <a:bodyPr wrap="square" rtlCol="0">
            <a:spAutoFit/>
          </a:bodyPr>
          <a:lstStyle/>
          <a:p>
            <a:pPr algn="ctr"/>
            <a:r>
              <a:rPr lang="en-US" sz="1000" b="1" dirty="0">
                <a:solidFill>
                  <a:schemeClr val="bg1"/>
                </a:solidFill>
              </a:rPr>
              <a:t>10</a:t>
            </a:r>
          </a:p>
        </p:txBody>
      </p:sp>
      <p:sp>
        <p:nvSpPr>
          <p:cNvPr id="29" name="Oval 28">
            <a:extLst>
              <a:ext uri="{FF2B5EF4-FFF2-40B4-BE49-F238E27FC236}">
                <a16:creationId xmlns:a16="http://schemas.microsoft.com/office/drawing/2014/main" id="{D642C948-4A3C-EA7C-2A82-2D983CFF9EB8}"/>
              </a:ext>
            </a:extLst>
          </p:cNvPr>
          <p:cNvSpPr/>
          <p:nvPr/>
        </p:nvSpPr>
        <p:spPr>
          <a:xfrm>
            <a:off x="7963504" y="3134020"/>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0" name="TextBox 29">
            <a:extLst>
              <a:ext uri="{FF2B5EF4-FFF2-40B4-BE49-F238E27FC236}">
                <a16:creationId xmlns:a16="http://schemas.microsoft.com/office/drawing/2014/main" id="{8A423CFD-6276-BB98-5177-86C703775418}"/>
              </a:ext>
            </a:extLst>
          </p:cNvPr>
          <p:cNvSpPr txBox="1"/>
          <p:nvPr/>
        </p:nvSpPr>
        <p:spPr>
          <a:xfrm>
            <a:off x="7918948" y="3146266"/>
            <a:ext cx="369402" cy="246221"/>
          </a:xfrm>
          <a:prstGeom prst="rect">
            <a:avLst/>
          </a:prstGeom>
          <a:noFill/>
        </p:spPr>
        <p:txBody>
          <a:bodyPr wrap="square" rtlCol="0">
            <a:spAutoFit/>
          </a:bodyPr>
          <a:lstStyle/>
          <a:p>
            <a:pPr algn="ctr"/>
            <a:r>
              <a:rPr lang="en-US" sz="1000" b="1" dirty="0">
                <a:solidFill>
                  <a:schemeClr val="bg1"/>
                </a:solidFill>
              </a:rPr>
              <a:t>11</a:t>
            </a:r>
          </a:p>
        </p:txBody>
      </p:sp>
      <p:sp>
        <p:nvSpPr>
          <p:cNvPr id="5" name="Oval 4">
            <a:extLst>
              <a:ext uri="{FF2B5EF4-FFF2-40B4-BE49-F238E27FC236}">
                <a16:creationId xmlns:a16="http://schemas.microsoft.com/office/drawing/2014/main" id="{814AA9A0-788B-735E-086A-216C6BEB4C84}"/>
              </a:ext>
            </a:extLst>
          </p:cNvPr>
          <p:cNvSpPr/>
          <p:nvPr/>
        </p:nvSpPr>
        <p:spPr>
          <a:xfrm>
            <a:off x="7936651" y="3355978"/>
            <a:ext cx="274320" cy="276677"/>
          </a:xfrm>
          <a:prstGeom prst="ellipse">
            <a:avLst/>
          </a:prstGeom>
          <a:solidFill>
            <a:schemeClr val="accent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1" name="Oval 30">
            <a:extLst>
              <a:ext uri="{FF2B5EF4-FFF2-40B4-BE49-F238E27FC236}">
                <a16:creationId xmlns:a16="http://schemas.microsoft.com/office/drawing/2014/main" id="{9E7278E7-0A36-EE9F-3B19-1554FDC40D8A}"/>
              </a:ext>
            </a:extLst>
          </p:cNvPr>
          <p:cNvSpPr/>
          <p:nvPr/>
        </p:nvSpPr>
        <p:spPr>
          <a:xfrm>
            <a:off x="8463446" y="3289301"/>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2" name="TextBox 31">
            <a:extLst>
              <a:ext uri="{FF2B5EF4-FFF2-40B4-BE49-F238E27FC236}">
                <a16:creationId xmlns:a16="http://schemas.microsoft.com/office/drawing/2014/main" id="{392B6256-52B3-772E-F863-E7AD3A8B8409}"/>
              </a:ext>
            </a:extLst>
          </p:cNvPr>
          <p:cNvSpPr txBox="1"/>
          <p:nvPr/>
        </p:nvSpPr>
        <p:spPr>
          <a:xfrm>
            <a:off x="8437351" y="3303592"/>
            <a:ext cx="329308" cy="246221"/>
          </a:xfrm>
          <a:prstGeom prst="rect">
            <a:avLst/>
          </a:prstGeom>
          <a:noFill/>
        </p:spPr>
        <p:txBody>
          <a:bodyPr wrap="square" rtlCol="0">
            <a:spAutoFit/>
          </a:bodyPr>
          <a:lstStyle/>
          <a:p>
            <a:pPr algn="ctr"/>
            <a:r>
              <a:rPr lang="en-US" sz="1000" b="1" dirty="0">
                <a:solidFill>
                  <a:schemeClr val="bg1"/>
                </a:solidFill>
              </a:rPr>
              <a:t>12</a:t>
            </a:r>
          </a:p>
        </p:txBody>
      </p:sp>
      <p:sp>
        <p:nvSpPr>
          <p:cNvPr id="33" name="Oval 32">
            <a:extLst>
              <a:ext uri="{FF2B5EF4-FFF2-40B4-BE49-F238E27FC236}">
                <a16:creationId xmlns:a16="http://schemas.microsoft.com/office/drawing/2014/main" id="{28B6FB0F-D80B-689A-E175-56248763287C}"/>
              </a:ext>
            </a:extLst>
          </p:cNvPr>
          <p:cNvSpPr/>
          <p:nvPr/>
        </p:nvSpPr>
        <p:spPr>
          <a:xfrm>
            <a:off x="8341724" y="3833184"/>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4" name="TextBox 33">
            <a:extLst>
              <a:ext uri="{FF2B5EF4-FFF2-40B4-BE49-F238E27FC236}">
                <a16:creationId xmlns:a16="http://schemas.microsoft.com/office/drawing/2014/main" id="{DFF40F7E-7241-2A5D-74DA-BB9BD355F6E1}"/>
              </a:ext>
            </a:extLst>
          </p:cNvPr>
          <p:cNvSpPr txBox="1"/>
          <p:nvPr/>
        </p:nvSpPr>
        <p:spPr>
          <a:xfrm>
            <a:off x="8288350" y="3848413"/>
            <a:ext cx="379854" cy="246221"/>
          </a:xfrm>
          <a:prstGeom prst="rect">
            <a:avLst/>
          </a:prstGeom>
          <a:noFill/>
        </p:spPr>
        <p:txBody>
          <a:bodyPr wrap="square" rtlCol="0">
            <a:spAutoFit/>
          </a:bodyPr>
          <a:lstStyle/>
          <a:p>
            <a:pPr algn="ctr"/>
            <a:r>
              <a:rPr lang="en-US" sz="1000" b="1" dirty="0">
                <a:solidFill>
                  <a:schemeClr val="bg1"/>
                </a:solidFill>
              </a:rPr>
              <a:t>13</a:t>
            </a:r>
          </a:p>
        </p:txBody>
      </p:sp>
      <p:sp>
        <p:nvSpPr>
          <p:cNvPr id="17" name="Oval 16">
            <a:extLst>
              <a:ext uri="{FF2B5EF4-FFF2-40B4-BE49-F238E27FC236}">
                <a16:creationId xmlns:a16="http://schemas.microsoft.com/office/drawing/2014/main" id="{3B84B969-AE96-B1D4-1647-5B0C5A05676E}"/>
              </a:ext>
            </a:extLst>
          </p:cNvPr>
          <p:cNvSpPr/>
          <p:nvPr/>
        </p:nvSpPr>
        <p:spPr>
          <a:xfrm>
            <a:off x="6351001" y="3724786"/>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8" name="Oval 17">
            <a:extLst>
              <a:ext uri="{FF2B5EF4-FFF2-40B4-BE49-F238E27FC236}">
                <a16:creationId xmlns:a16="http://schemas.microsoft.com/office/drawing/2014/main" id="{D301FAC1-672A-E40F-D0B7-698C8CFAC270}"/>
              </a:ext>
            </a:extLst>
          </p:cNvPr>
          <p:cNvSpPr/>
          <p:nvPr/>
        </p:nvSpPr>
        <p:spPr>
          <a:xfrm>
            <a:off x="9116214" y="3632655"/>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5" name="Oval 34">
            <a:extLst>
              <a:ext uri="{FF2B5EF4-FFF2-40B4-BE49-F238E27FC236}">
                <a16:creationId xmlns:a16="http://schemas.microsoft.com/office/drawing/2014/main" id="{C205DB63-ED9F-F963-101E-1CE78F3EA620}"/>
              </a:ext>
            </a:extLst>
          </p:cNvPr>
          <p:cNvSpPr/>
          <p:nvPr/>
        </p:nvSpPr>
        <p:spPr>
          <a:xfrm>
            <a:off x="9995392" y="4315844"/>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dirty="0">
                <a:ln>
                  <a:noFill/>
                </a:ln>
                <a:solidFill>
                  <a:schemeClr val="bg1"/>
                </a:solidFill>
                <a:effectLst/>
                <a:uLnTx/>
                <a:uFillTx/>
                <a:latin typeface="+mj-lt"/>
                <a:cs typeface="Calibri" panose="020F0502020204030204" pitchFamily="34" charset="0"/>
              </a:rPr>
              <a:t>15</a:t>
            </a:r>
          </a:p>
        </p:txBody>
      </p:sp>
      <p:sp>
        <p:nvSpPr>
          <p:cNvPr id="36" name="Oval 35">
            <a:extLst>
              <a:ext uri="{FF2B5EF4-FFF2-40B4-BE49-F238E27FC236}">
                <a16:creationId xmlns:a16="http://schemas.microsoft.com/office/drawing/2014/main" id="{C1151DCB-34DD-D2AB-109F-6D2C32F2C6B3}"/>
              </a:ext>
            </a:extLst>
          </p:cNvPr>
          <p:cNvSpPr/>
          <p:nvPr/>
        </p:nvSpPr>
        <p:spPr>
          <a:xfrm>
            <a:off x="5676368" y="3868848"/>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7" name="TextBox 36">
            <a:extLst>
              <a:ext uri="{FF2B5EF4-FFF2-40B4-BE49-F238E27FC236}">
                <a16:creationId xmlns:a16="http://schemas.microsoft.com/office/drawing/2014/main" id="{D6900067-2950-FDFE-C77B-B76D8D0F65F3}"/>
              </a:ext>
            </a:extLst>
          </p:cNvPr>
          <p:cNvSpPr txBox="1"/>
          <p:nvPr/>
        </p:nvSpPr>
        <p:spPr>
          <a:xfrm>
            <a:off x="5643574" y="3877407"/>
            <a:ext cx="340501" cy="246221"/>
          </a:xfrm>
          <a:prstGeom prst="rect">
            <a:avLst/>
          </a:prstGeom>
          <a:noFill/>
        </p:spPr>
        <p:txBody>
          <a:bodyPr wrap="square" rtlCol="0">
            <a:spAutoFit/>
          </a:bodyPr>
          <a:lstStyle/>
          <a:p>
            <a:pPr algn="ctr"/>
            <a:r>
              <a:rPr lang="en-US" sz="1000" b="1" dirty="0">
                <a:solidFill>
                  <a:schemeClr val="bg1"/>
                </a:solidFill>
              </a:rPr>
              <a:t>14</a:t>
            </a:r>
          </a:p>
        </p:txBody>
      </p:sp>
      <p:sp>
        <p:nvSpPr>
          <p:cNvPr id="38" name="Rectangle 37">
            <a:extLst>
              <a:ext uri="{FF2B5EF4-FFF2-40B4-BE49-F238E27FC236}">
                <a16:creationId xmlns:a16="http://schemas.microsoft.com/office/drawing/2014/main" id="{23F0DFD3-43E9-BFE3-1381-EA541C9FFEC7}"/>
              </a:ext>
            </a:extLst>
          </p:cNvPr>
          <p:cNvSpPr/>
          <p:nvPr/>
        </p:nvSpPr>
        <p:spPr>
          <a:xfrm>
            <a:off x="10564566" y="757256"/>
            <a:ext cx="1099847" cy="1682203"/>
          </a:xfrm>
          <a:prstGeom prst="rect">
            <a:avLst/>
          </a:prstGeom>
          <a:solidFill>
            <a:schemeClr val="bg1">
              <a:lumMod val="95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800" b="1" dirty="0">
                <a:solidFill>
                  <a:schemeClr val="accent1"/>
                </a:solidFill>
              </a:rPr>
              <a:t>Level III</a:t>
            </a:r>
          </a:p>
          <a:p>
            <a:pPr algn="ctr"/>
            <a:r>
              <a:rPr lang="en-US" sz="1800" b="1" dirty="0">
                <a:solidFill>
                  <a:schemeClr val="accent5"/>
                </a:solidFill>
              </a:rPr>
              <a:t>Level IIE</a:t>
            </a:r>
          </a:p>
          <a:p>
            <a:pPr algn="ctr"/>
            <a:r>
              <a:rPr lang="en-US" sz="1800" b="1" dirty="0">
                <a:solidFill>
                  <a:srgbClr val="7030A0"/>
                </a:solidFill>
              </a:rPr>
              <a:t>Level II </a:t>
            </a:r>
          </a:p>
          <a:p>
            <a:pPr algn="ctr"/>
            <a:r>
              <a:rPr lang="en-US" sz="1800" b="1" dirty="0">
                <a:solidFill>
                  <a:srgbClr val="FFC000"/>
                </a:solidFill>
              </a:rPr>
              <a:t>Level I</a:t>
            </a:r>
          </a:p>
          <a:p>
            <a:pPr algn="ctr"/>
            <a:r>
              <a:rPr lang="en-US" sz="1800" b="1" dirty="0">
                <a:solidFill>
                  <a:srgbClr val="C00000"/>
                </a:solidFill>
              </a:rPr>
              <a:t>Level 0 </a:t>
            </a:r>
          </a:p>
        </p:txBody>
      </p:sp>
      <p:sp>
        <p:nvSpPr>
          <p:cNvPr id="19" name="Oval 18">
            <a:extLst>
              <a:ext uri="{FF2B5EF4-FFF2-40B4-BE49-F238E27FC236}">
                <a16:creationId xmlns:a16="http://schemas.microsoft.com/office/drawing/2014/main" id="{799FCA15-70DB-8156-1FC7-6049F19B20E5}"/>
              </a:ext>
            </a:extLst>
          </p:cNvPr>
          <p:cNvSpPr/>
          <p:nvPr/>
        </p:nvSpPr>
        <p:spPr>
          <a:xfrm>
            <a:off x="8737766" y="2247249"/>
            <a:ext cx="329308" cy="314701"/>
          </a:xfrm>
          <a:prstGeom prst="ellipse">
            <a:avLst/>
          </a:prstGeom>
          <a:solidFill>
            <a:srgbClr val="C000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dirty="0"/>
              <a:t>16</a:t>
            </a:r>
          </a:p>
        </p:txBody>
      </p:sp>
      <p:sp>
        <p:nvSpPr>
          <p:cNvPr id="27" name="Oval 26">
            <a:extLst>
              <a:ext uri="{FF2B5EF4-FFF2-40B4-BE49-F238E27FC236}">
                <a16:creationId xmlns:a16="http://schemas.microsoft.com/office/drawing/2014/main" id="{89496E27-F21F-A3F4-0106-B316DF0EAB95}"/>
              </a:ext>
            </a:extLst>
          </p:cNvPr>
          <p:cNvSpPr/>
          <p:nvPr/>
        </p:nvSpPr>
        <p:spPr>
          <a:xfrm>
            <a:off x="10777118" y="4303063"/>
            <a:ext cx="274320" cy="320025"/>
          </a:xfrm>
          <a:prstGeom prst="ellipse">
            <a:avLst/>
          </a:prstGeom>
          <a:solidFill>
            <a:srgbClr val="7030A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sz="1000" dirty="0"/>
          </a:p>
        </p:txBody>
      </p:sp>
    </p:spTree>
    <p:extLst>
      <p:ext uri="{BB962C8B-B14F-4D97-AF65-F5344CB8AC3E}">
        <p14:creationId xmlns:p14="http://schemas.microsoft.com/office/powerpoint/2010/main" val="168730905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33" name="Picture 32">
            <a:extLst>
              <a:ext uri="{FF2B5EF4-FFF2-40B4-BE49-F238E27FC236}">
                <a16:creationId xmlns:a16="http://schemas.microsoft.com/office/drawing/2014/main" id="{A5E6ED08-05F6-B9C1-6FEA-588650DA96A6}"/>
              </a:ext>
            </a:extLst>
          </p:cNvPr>
          <p:cNvPicPr>
            <a:picLocks noChangeAspect="1"/>
          </p:cNvPicPr>
          <p:nvPr/>
        </p:nvPicPr>
        <p:blipFill rotWithShape="1">
          <a:blip r:embed="rId2"/>
          <a:srcRect t="23391" r="9091"/>
          <a:stretch/>
        </p:blipFill>
        <p:spPr>
          <a:xfrm>
            <a:off x="20" y="10"/>
            <a:ext cx="12191980" cy="6857990"/>
          </a:xfrm>
          <a:prstGeom prst="rect">
            <a:avLst/>
          </a:prstGeom>
        </p:spPr>
      </p:pic>
      <p:sp>
        <p:nvSpPr>
          <p:cNvPr id="43" name="Rectangle 42">
            <a:extLst>
              <a:ext uri="{FF2B5EF4-FFF2-40B4-BE49-F238E27FC236}">
                <a16:creationId xmlns:a16="http://schemas.microsoft.com/office/drawing/2014/main" id="{257363FD-7E77-4145-9483-331A807ADF0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6802" cy="6858000"/>
          </a:xfrm>
          <a:prstGeom prst="rect">
            <a:avLst/>
          </a:prstGeom>
          <a:gradFill flip="none" rotWithShape="1">
            <a:gsLst>
              <a:gs pos="28000">
                <a:schemeClr val="bg2">
                  <a:alpha val="84000"/>
                </a:schemeClr>
              </a:gs>
              <a:gs pos="74000">
                <a:schemeClr val="bg1"/>
              </a:gs>
            </a:gsLst>
            <a:path path="circle">
              <a:fillToRect l="100000" t="100000"/>
            </a:path>
            <a:tileRect r="-100000" b="-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2" name="Title 1"/>
          <p:cNvSpPr>
            <a:spLocks noGrp="1"/>
          </p:cNvSpPr>
          <p:nvPr>
            <p:ph type="title"/>
          </p:nvPr>
        </p:nvSpPr>
        <p:spPr>
          <a:xfrm>
            <a:off x="838200" y="365125"/>
            <a:ext cx="10515600" cy="1325563"/>
          </a:xfrm>
        </p:spPr>
        <p:txBody>
          <a:bodyPr>
            <a:normAutofit/>
          </a:bodyPr>
          <a:lstStyle/>
          <a:p>
            <a:r>
              <a:rPr lang="en-US"/>
              <a:t>Historical Look at OB Closures</a:t>
            </a:r>
          </a:p>
        </p:txBody>
      </p:sp>
      <p:graphicFrame>
        <p:nvGraphicFramePr>
          <p:cNvPr id="39" name="Content Placeholder 3">
            <a:extLst>
              <a:ext uri="{FF2B5EF4-FFF2-40B4-BE49-F238E27FC236}">
                <a16:creationId xmlns:a16="http://schemas.microsoft.com/office/drawing/2014/main" id="{9A7AB318-8BCE-4681-B193-37D47B89C7F1}"/>
              </a:ext>
            </a:extLst>
          </p:cNvPr>
          <p:cNvGraphicFramePr/>
          <p:nvPr>
            <p:extLst>
              <p:ext uri="{D42A27DB-BD31-4B8C-83A1-F6EECF244321}">
                <p14:modId xmlns:p14="http://schemas.microsoft.com/office/powerpoint/2010/main" val="2614518886"/>
              </p:ext>
            </p:extLst>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58934895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3117ACF2-8D8F-CED4-65A5-BD746A4C4840}"/>
              </a:ext>
            </a:extLst>
          </p:cNvPr>
          <p:cNvPicPr>
            <a:picLocks noChangeAspect="1"/>
          </p:cNvPicPr>
          <p:nvPr/>
        </p:nvPicPr>
        <p:blipFill rotWithShape="1">
          <a:blip r:embed="rId2"/>
          <a:srcRect b="15730"/>
          <a:stretch/>
        </p:blipFill>
        <p:spPr>
          <a:xfrm>
            <a:off x="20" y="10"/>
            <a:ext cx="12191980" cy="6857990"/>
          </a:xfrm>
          <a:prstGeom prst="rect">
            <a:avLst/>
          </a:prstGeom>
        </p:spPr>
      </p:pic>
      <p:sp>
        <p:nvSpPr>
          <p:cNvPr id="15" name="Rectangle 14">
            <a:extLst>
              <a:ext uri="{FF2B5EF4-FFF2-40B4-BE49-F238E27FC236}">
                <a16:creationId xmlns:a16="http://schemas.microsoft.com/office/drawing/2014/main" id="{257363FD-7E77-4145-9483-331A807ADF0E}"/>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6802" cy="6858000"/>
          </a:xfrm>
          <a:prstGeom prst="rect">
            <a:avLst/>
          </a:prstGeom>
          <a:gradFill flip="none" rotWithShape="1">
            <a:gsLst>
              <a:gs pos="28000">
                <a:schemeClr val="bg2">
                  <a:alpha val="84000"/>
                </a:schemeClr>
              </a:gs>
              <a:gs pos="74000">
                <a:schemeClr val="bg1"/>
              </a:gs>
            </a:gsLst>
            <a:path path="circle">
              <a:fillToRect l="100000" t="100000"/>
            </a:path>
            <a:tileRect r="-100000" b="-10000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2" name="Title 1"/>
          <p:cNvSpPr>
            <a:spLocks noGrp="1"/>
          </p:cNvSpPr>
          <p:nvPr>
            <p:ph type="title"/>
          </p:nvPr>
        </p:nvSpPr>
        <p:spPr>
          <a:xfrm>
            <a:off x="838200" y="365125"/>
            <a:ext cx="10515600" cy="1325563"/>
          </a:xfrm>
        </p:spPr>
        <p:txBody>
          <a:bodyPr>
            <a:normAutofit/>
          </a:bodyPr>
          <a:lstStyle/>
          <a:p>
            <a:r>
              <a:rPr lang="en-US"/>
              <a:t>Historical Look at OB Closures</a:t>
            </a:r>
          </a:p>
        </p:txBody>
      </p:sp>
      <p:graphicFrame>
        <p:nvGraphicFramePr>
          <p:cNvPr id="4" name="Content Placeholder 3"/>
          <p:cNvGraphicFramePr>
            <a:graphicFrameLocks noGrp="1"/>
          </p:cNvGraphicFramePr>
          <p:nvPr>
            <p:ph idx="1"/>
            <p:extLst>
              <p:ext uri="{D42A27DB-BD31-4B8C-83A1-F6EECF244321}">
                <p14:modId xmlns:p14="http://schemas.microsoft.com/office/powerpoint/2010/main" val="4145661964"/>
              </p:ext>
            </p:extLst>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39967003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11" name="Rectangle 10">
            <a:extLst>
              <a:ext uri="{FF2B5EF4-FFF2-40B4-BE49-F238E27FC236}">
                <a16:creationId xmlns:a16="http://schemas.microsoft.com/office/drawing/2014/main" id="{6C4028FD-8BAA-4A19-BFDE-594D991B7552}"/>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 y="0"/>
            <a:ext cx="12188952"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p:nvPr>
        </p:nvSpPr>
        <p:spPr>
          <a:xfrm>
            <a:off x="838200" y="556995"/>
            <a:ext cx="10515600" cy="1133693"/>
          </a:xfrm>
        </p:spPr>
        <p:txBody>
          <a:bodyPr>
            <a:normAutofit/>
          </a:bodyPr>
          <a:lstStyle/>
          <a:p>
            <a:r>
              <a:rPr lang="en-US" sz="5200"/>
              <a:t>Where did they go?</a:t>
            </a:r>
          </a:p>
        </p:txBody>
      </p:sp>
      <p:graphicFrame>
        <p:nvGraphicFramePr>
          <p:cNvPr id="4" name="Content Placeholder 3"/>
          <p:cNvGraphicFramePr>
            <a:graphicFrameLocks noGrp="1"/>
          </p:cNvGraphicFramePr>
          <p:nvPr>
            <p:ph idx="1"/>
            <p:extLst>
              <p:ext uri="{D42A27DB-BD31-4B8C-83A1-F6EECF244321}">
                <p14:modId xmlns:p14="http://schemas.microsoft.com/office/powerpoint/2010/main" val="164935154"/>
              </p:ext>
            </p:extLst>
          </p:nvPr>
        </p:nvGraphicFramePr>
        <p:xfrm>
          <a:off x="1611247" y="1825625"/>
          <a:ext cx="8969508" cy="4351344"/>
        </p:xfrm>
        <a:graphic>
          <a:graphicData uri="http://schemas.openxmlformats.org/drawingml/2006/table">
            <a:tbl>
              <a:tblPr firstRow="1" bandRow="1">
                <a:tableStyleId>{5C22544A-7EE6-4342-B048-85BDC9FD1C3A}</a:tableStyleId>
              </a:tblPr>
              <a:tblGrid>
                <a:gridCol w="1759734">
                  <a:extLst>
                    <a:ext uri="{9D8B030D-6E8A-4147-A177-3AD203B41FA5}">
                      <a16:colId xmlns:a16="http://schemas.microsoft.com/office/drawing/2014/main" val="1365588930"/>
                    </a:ext>
                  </a:extLst>
                </a:gridCol>
                <a:gridCol w="1759734">
                  <a:extLst>
                    <a:ext uri="{9D8B030D-6E8A-4147-A177-3AD203B41FA5}">
                      <a16:colId xmlns:a16="http://schemas.microsoft.com/office/drawing/2014/main" val="310726461"/>
                    </a:ext>
                  </a:extLst>
                </a:gridCol>
                <a:gridCol w="1862428">
                  <a:extLst>
                    <a:ext uri="{9D8B030D-6E8A-4147-A177-3AD203B41FA5}">
                      <a16:colId xmlns:a16="http://schemas.microsoft.com/office/drawing/2014/main" val="2810248104"/>
                    </a:ext>
                  </a:extLst>
                </a:gridCol>
                <a:gridCol w="1827878">
                  <a:extLst>
                    <a:ext uri="{9D8B030D-6E8A-4147-A177-3AD203B41FA5}">
                      <a16:colId xmlns:a16="http://schemas.microsoft.com/office/drawing/2014/main" val="2597783500"/>
                    </a:ext>
                  </a:extLst>
                </a:gridCol>
                <a:gridCol w="1759734">
                  <a:extLst>
                    <a:ext uri="{9D8B030D-6E8A-4147-A177-3AD203B41FA5}">
                      <a16:colId xmlns:a16="http://schemas.microsoft.com/office/drawing/2014/main" val="794221166"/>
                    </a:ext>
                  </a:extLst>
                </a:gridCol>
              </a:tblGrid>
              <a:tr h="831874">
                <a:tc>
                  <a:txBody>
                    <a:bodyPr/>
                    <a:lstStyle/>
                    <a:p>
                      <a:r>
                        <a:rPr lang="en-US" sz="1600"/>
                        <a:t>Closing</a:t>
                      </a:r>
                      <a:r>
                        <a:rPr lang="en-US" sz="1600" baseline="0"/>
                        <a:t> Hospital</a:t>
                      </a:r>
                      <a:endParaRPr lang="en-US" sz="1600"/>
                    </a:p>
                  </a:txBody>
                  <a:tcPr marL="76511" marR="76511" marT="39994" marB="39994"/>
                </a:tc>
                <a:tc>
                  <a:txBody>
                    <a:bodyPr/>
                    <a:lstStyle/>
                    <a:p>
                      <a:r>
                        <a:rPr lang="en-US" sz="1600"/>
                        <a:t>Year of Closure</a:t>
                      </a:r>
                    </a:p>
                  </a:txBody>
                  <a:tcPr marL="76511" marR="76511" marT="39994" marB="39994"/>
                </a:tc>
                <a:tc>
                  <a:txBody>
                    <a:bodyPr/>
                    <a:lstStyle/>
                    <a:p>
                      <a:r>
                        <a:rPr lang="en-US" sz="1600"/>
                        <a:t>Average Delivery</a:t>
                      </a:r>
                      <a:r>
                        <a:rPr lang="en-US" sz="1600" baseline="0"/>
                        <a:t> (3 yrs prior to closure)</a:t>
                      </a:r>
                      <a:endParaRPr lang="en-US" sz="1600"/>
                    </a:p>
                  </a:txBody>
                  <a:tcPr marL="76511" marR="76511" marT="39994" marB="39994"/>
                </a:tc>
                <a:tc>
                  <a:txBody>
                    <a:bodyPr/>
                    <a:lstStyle/>
                    <a:p>
                      <a:r>
                        <a:rPr lang="en-US" sz="1600"/>
                        <a:t>Absorbing</a:t>
                      </a:r>
                      <a:r>
                        <a:rPr lang="en-US" sz="1600" baseline="0"/>
                        <a:t> Hospital</a:t>
                      </a:r>
                      <a:endParaRPr lang="en-US" sz="1600"/>
                    </a:p>
                  </a:txBody>
                  <a:tcPr marL="76511" marR="76511" marT="39994" marB="39994"/>
                </a:tc>
                <a:tc>
                  <a:txBody>
                    <a:bodyPr/>
                    <a:lstStyle/>
                    <a:p>
                      <a:r>
                        <a:rPr lang="en-US" sz="1600" baseline="0"/>
                        <a:t>Change in Deliveries</a:t>
                      </a:r>
                      <a:endParaRPr lang="en-US" sz="1600"/>
                    </a:p>
                  </a:txBody>
                  <a:tcPr marL="76511" marR="76511" marT="39994" marB="39994"/>
                </a:tc>
                <a:extLst>
                  <a:ext uri="{0D108BD9-81ED-4DB2-BD59-A6C34878D82A}">
                    <a16:rowId xmlns:a16="http://schemas.microsoft.com/office/drawing/2014/main" val="3069919211"/>
                  </a:ext>
                </a:extLst>
              </a:tr>
              <a:tr h="351947">
                <a:tc>
                  <a:txBody>
                    <a:bodyPr/>
                    <a:lstStyle/>
                    <a:p>
                      <a:r>
                        <a:rPr lang="en-US" sz="1600"/>
                        <a:t>Princeton</a:t>
                      </a:r>
                    </a:p>
                  </a:txBody>
                  <a:tcPr marL="76511" marR="76511" marT="39994" marB="39994"/>
                </a:tc>
                <a:tc>
                  <a:txBody>
                    <a:bodyPr/>
                    <a:lstStyle/>
                    <a:p>
                      <a:r>
                        <a:rPr lang="en-US" sz="1600"/>
                        <a:t>2014</a:t>
                      </a:r>
                    </a:p>
                  </a:txBody>
                  <a:tcPr marL="76511" marR="76511" marT="39994" marB="39994"/>
                </a:tc>
                <a:tc>
                  <a:txBody>
                    <a:bodyPr/>
                    <a:lstStyle/>
                    <a:p>
                      <a:r>
                        <a:rPr lang="en-US" sz="1600"/>
                        <a:t>85/yr</a:t>
                      </a:r>
                    </a:p>
                  </a:txBody>
                  <a:tcPr marL="76511" marR="76511" marT="39994" marB="39994"/>
                </a:tc>
                <a:tc>
                  <a:txBody>
                    <a:bodyPr/>
                    <a:lstStyle/>
                    <a:p>
                      <a:r>
                        <a:rPr lang="en-US" sz="1600"/>
                        <a:t>Spring Valley</a:t>
                      </a:r>
                    </a:p>
                  </a:txBody>
                  <a:tcPr marL="76511" marR="76511" marT="39994" marB="39994"/>
                </a:tc>
                <a:tc>
                  <a:txBody>
                    <a:bodyPr/>
                    <a:lstStyle/>
                    <a:p>
                      <a:r>
                        <a:rPr lang="en-US" sz="1600"/>
                        <a:t>2015            +49</a:t>
                      </a:r>
                    </a:p>
                  </a:txBody>
                  <a:tcPr marL="76511" marR="76511" marT="39994" marB="39994"/>
                </a:tc>
                <a:extLst>
                  <a:ext uri="{0D108BD9-81ED-4DB2-BD59-A6C34878D82A}">
                    <a16:rowId xmlns:a16="http://schemas.microsoft.com/office/drawing/2014/main" val="1195850149"/>
                  </a:ext>
                </a:extLst>
              </a:tr>
              <a:tr h="351947">
                <a:tc>
                  <a:txBody>
                    <a:bodyPr/>
                    <a:lstStyle/>
                    <a:p>
                      <a:r>
                        <a:rPr lang="en-US" sz="1600"/>
                        <a:t>Streator</a:t>
                      </a:r>
                    </a:p>
                  </a:txBody>
                  <a:tcPr marL="76511" marR="76511" marT="39994" marB="39994"/>
                </a:tc>
                <a:tc>
                  <a:txBody>
                    <a:bodyPr/>
                    <a:lstStyle/>
                    <a:p>
                      <a:r>
                        <a:rPr lang="en-US" sz="1600"/>
                        <a:t>2014</a:t>
                      </a:r>
                    </a:p>
                  </a:txBody>
                  <a:tcPr marL="76511" marR="76511" marT="39994" marB="39994"/>
                </a:tc>
                <a:tc>
                  <a:txBody>
                    <a:bodyPr/>
                    <a:lstStyle/>
                    <a:p>
                      <a:r>
                        <a:rPr lang="en-US" sz="1600"/>
                        <a:t>186/yr</a:t>
                      </a:r>
                    </a:p>
                  </a:txBody>
                  <a:tcPr marL="76511" marR="76511" marT="39994" marB="39994"/>
                </a:tc>
                <a:tc>
                  <a:txBody>
                    <a:bodyPr/>
                    <a:lstStyle/>
                    <a:p>
                      <a:r>
                        <a:rPr lang="en-US" sz="1600"/>
                        <a:t>Ottawa</a:t>
                      </a:r>
                    </a:p>
                  </a:txBody>
                  <a:tcPr marL="76511" marR="76511" marT="39994" marB="39994"/>
                </a:tc>
                <a:tc>
                  <a:txBody>
                    <a:bodyPr/>
                    <a:lstStyle/>
                    <a:p>
                      <a:r>
                        <a:rPr lang="en-US" sz="1600"/>
                        <a:t>2015           +89</a:t>
                      </a:r>
                    </a:p>
                  </a:txBody>
                  <a:tcPr marL="76511" marR="76511" marT="39994" marB="39994"/>
                </a:tc>
                <a:extLst>
                  <a:ext uri="{0D108BD9-81ED-4DB2-BD59-A6C34878D82A}">
                    <a16:rowId xmlns:a16="http://schemas.microsoft.com/office/drawing/2014/main" val="1372821529"/>
                  </a:ext>
                </a:extLst>
              </a:tr>
              <a:tr h="351947">
                <a:tc>
                  <a:txBody>
                    <a:bodyPr/>
                    <a:lstStyle/>
                    <a:p>
                      <a:r>
                        <a:rPr lang="en-US" sz="1600"/>
                        <a:t>Proctor</a:t>
                      </a:r>
                    </a:p>
                  </a:txBody>
                  <a:tcPr marL="76511" marR="76511" marT="39994" marB="39994"/>
                </a:tc>
                <a:tc>
                  <a:txBody>
                    <a:bodyPr/>
                    <a:lstStyle/>
                    <a:p>
                      <a:r>
                        <a:rPr lang="en-US" sz="1600"/>
                        <a:t>2014</a:t>
                      </a:r>
                    </a:p>
                  </a:txBody>
                  <a:tcPr marL="76511" marR="76511" marT="39994" marB="39994"/>
                </a:tc>
                <a:tc>
                  <a:txBody>
                    <a:bodyPr/>
                    <a:lstStyle/>
                    <a:p>
                      <a:r>
                        <a:rPr lang="en-US" sz="1600"/>
                        <a:t>604/yr</a:t>
                      </a:r>
                    </a:p>
                  </a:txBody>
                  <a:tcPr marL="76511" marR="76511" marT="39994" marB="39994"/>
                </a:tc>
                <a:tc>
                  <a:txBody>
                    <a:bodyPr/>
                    <a:lstStyle/>
                    <a:p>
                      <a:r>
                        <a:rPr lang="en-US" sz="1600"/>
                        <a:t>Methodist</a:t>
                      </a:r>
                    </a:p>
                  </a:txBody>
                  <a:tcPr marL="76511" marR="76511" marT="39994" marB="39994"/>
                </a:tc>
                <a:tc>
                  <a:txBody>
                    <a:bodyPr/>
                    <a:lstStyle/>
                    <a:p>
                      <a:r>
                        <a:rPr lang="en-US" sz="1600"/>
                        <a:t>2015           +350</a:t>
                      </a:r>
                    </a:p>
                  </a:txBody>
                  <a:tcPr marL="76511" marR="76511" marT="39994" marB="39994"/>
                </a:tc>
                <a:extLst>
                  <a:ext uri="{0D108BD9-81ED-4DB2-BD59-A6C34878D82A}">
                    <a16:rowId xmlns:a16="http://schemas.microsoft.com/office/drawing/2014/main" val="3473772393"/>
                  </a:ext>
                </a:extLst>
              </a:tr>
              <a:tr h="351947">
                <a:tc>
                  <a:txBody>
                    <a:bodyPr/>
                    <a:lstStyle/>
                    <a:p>
                      <a:r>
                        <a:rPr lang="en-US" sz="1600"/>
                        <a:t>Geneseo</a:t>
                      </a:r>
                    </a:p>
                  </a:txBody>
                  <a:tcPr marL="76511" marR="76511" marT="39994" marB="39994"/>
                </a:tc>
                <a:tc>
                  <a:txBody>
                    <a:bodyPr/>
                    <a:lstStyle/>
                    <a:p>
                      <a:r>
                        <a:rPr lang="en-US" sz="1600"/>
                        <a:t>2017</a:t>
                      </a:r>
                    </a:p>
                  </a:txBody>
                  <a:tcPr marL="76511" marR="76511" marT="39994" marB="39994"/>
                </a:tc>
                <a:tc>
                  <a:txBody>
                    <a:bodyPr/>
                    <a:lstStyle/>
                    <a:p>
                      <a:r>
                        <a:rPr lang="en-US" sz="1600"/>
                        <a:t>240/yr</a:t>
                      </a:r>
                    </a:p>
                  </a:txBody>
                  <a:tcPr marL="76511" marR="76511" marT="39994" marB="39994"/>
                </a:tc>
                <a:tc>
                  <a:txBody>
                    <a:bodyPr/>
                    <a:lstStyle/>
                    <a:p>
                      <a:r>
                        <a:rPr lang="en-US" sz="1600"/>
                        <a:t>Silvis</a:t>
                      </a:r>
                    </a:p>
                  </a:txBody>
                  <a:tcPr marL="76511" marR="76511" marT="39994" marB="39994"/>
                </a:tc>
                <a:tc>
                  <a:txBody>
                    <a:bodyPr/>
                    <a:lstStyle/>
                    <a:p>
                      <a:r>
                        <a:rPr lang="en-US" sz="1600"/>
                        <a:t>2018-19</a:t>
                      </a:r>
                      <a:r>
                        <a:rPr lang="en-US" sz="1600" baseline="0"/>
                        <a:t>      +115</a:t>
                      </a:r>
                      <a:endParaRPr lang="en-US" sz="1600"/>
                    </a:p>
                  </a:txBody>
                  <a:tcPr marL="76511" marR="76511" marT="39994" marB="39994"/>
                </a:tc>
                <a:extLst>
                  <a:ext uri="{0D108BD9-81ED-4DB2-BD59-A6C34878D82A}">
                    <a16:rowId xmlns:a16="http://schemas.microsoft.com/office/drawing/2014/main" val="677978467"/>
                  </a:ext>
                </a:extLst>
              </a:tr>
              <a:tr h="351947">
                <a:tc>
                  <a:txBody>
                    <a:bodyPr/>
                    <a:lstStyle/>
                    <a:p>
                      <a:r>
                        <a:rPr lang="en-US" sz="1600"/>
                        <a:t>Watseka</a:t>
                      </a:r>
                    </a:p>
                  </a:txBody>
                  <a:tcPr marL="76511" marR="76511" marT="39994" marB="39994"/>
                </a:tc>
                <a:tc>
                  <a:txBody>
                    <a:bodyPr/>
                    <a:lstStyle/>
                    <a:p>
                      <a:r>
                        <a:rPr lang="en-US" sz="1600"/>
                        <a:t>2017</a:t>
                      </a:r>
                    </a:p>
                  </a:txBody>
                  <a:tcPr marL="76511" marR="76511" marT="39994" marB="39994"/>
                </a:tc>
                <a:tc>
                  <a:txBody>
                    <a:bodyPr/>
                    <a:lstStyle/>
                    <a:p>
                      <a:r>
                        <a:rPr lang="en-US" sz="1600"/>
                        <a:t>89/yr</a:t>
                      </a:r>
                    </a:p>
                  </a:txBody>
                  <a:tcPr marL="76511" marR="76511" marT="39994" marB="39994"/>
                </a:tc>
                <a:tc>
                  <a:txBody>
                    <a:bodyPr/>
                    <a:lstStyle/>
                    <a:p>
                      <a:r>
                        <a:rPr lang="en-US" sz="1600"/>
                        <a:t>Out</a:t>
                      </a:r>
                      <a:r>
                        <a:rPr lang="en-US" sz="1600" baseline="0"/>
                        <a:t> of Network</a:t>
                      </a:r>
                      <a:endParaRPr lang="en-US" sz="1600"/>
                    </a:p>
                  </a:txBody>
                  <a:tcPr marL="76511" marR="76511" marT="39994" marB="39994"/>
                </a:tc>
                <a:tc>
                  <a:txBody>
                    <a:bodyPr/>
                    <a:lstStyle/>
                    <a:p>
                      <a:endParaRPr lang="en-US" sz="1600"/>
                    </a:p>
                  </a:txBody>
                  <a:tcPr marL="76511" marR="76511" marT="39994" marB="39994"/>
                </a:tc>
                <a:extLst>
                  <a:ext uri="{0D108BD9-81ED-4DB2-BD59-A6C34878D82A}">
                    <a16:rowId xmlns:a16="http://schemas.microsoft.com/office/drawing/2014/main" val="3716274296"/>
                  </a:ext>
                </a:extLst>
              </a:tr>
              <a:tr h="351947">
                <a:tc>
                  <a:txBody>
                    <a:bodyPr/>
                    <a:lstStyle/>
                    <a:p>
                      <a:r>
                        <a:rPr lang="en-US" sz="1600"/>
                        <a:t>Cottage</a:t>
                      </a:r>
                    </a:p>
                  </a:txBody>
                  <a:tcPr marL="76511" marR="76511" marT="39994" marB="39994"/>
                </a:tc>
                <a:tc>
                  <a:txBody>
                    <a:bodyPr/>
                    <a:lstStyle/>
                    <a:p>
                      <a:r>
                        <a:rPr lang="en-US" sz="1600"/>
                        <a:t>2019</a:t>
                      </a:r>
                    </a:p>
                  </a:txBody>
                  <a:tcPr marL="76511" marR="76511" marT="39994" marB="39994"/>
                </a:tc>
                <a:tc>
                  <a:txBody>
                    <a:bodyPr/>
                    <a:lstStyle/>
                    <a:p>
                      <a:r>
                        <a:rPr lang="en-US" sz="1600"/>
                        <a:t>370/yr</a:t>
                      </a:r>
                    </a:p>
                  </a:txBody>
                  <a:tcPr marL="76511" marR="76511" marT="39994" marB="39994"/>
                </a:tc>
                <a:tc>
                  <a:txBody>
                    <a:bodyPr/>
                    <a:lstStyle/>
                    <a:p>
                      <a:r>
                        <a:rPr lang="en-US" sz="1600"/>
                        <a:t>SMMC</a:t>
                      </a:r>
                    </a:p>
                  </a:txBody>
                  <a:tcPr marL="76511" marR="76511" marT="39994" marB="39994"/>
                </a:tc>
                <a:tc>
                  <a:txBody>
                    <a:bodyPr/>
                    <a:lstStyle/>
                    <a:p>
                      <a:r>
                        <a:rPr lang="en-US" sz="1600"/>
                        <a:t>2019-20</a:t>
                      </a:r>
                      <a:r>
                        <a:rPr lang="en-US" sz="1600" baseline="0"/>
                        <a:t>      +258</a:t>
                      </a:r>
                      <a:endParaRPr lang="en-US" sz="1600"/>
                    </a:p>
                  </a:txBody>
                  <a:tcPr marL="76511" marR="76511" marT="39994" marB="39994"/>
                </a:tc>
                <a:extLst>
                  <a:ext uri="{0D108BD9-81ED-4DB2-BD59-A6C34878D82A}">
                    <a16:rowId xmlns:a16="http://schemas.microsoft.com/office/drawing/2014/main" val="3024818603"/>
                  </a:ext>
                </a:extLst>
              </a:tr>
              <a:tr h="351947">
                <a:tc>
                  <a:txBody>
                    <a:bodyPr/>
                    <a:lstStyle/>
                    <a:p>
                      <a:r>
                        <a:rPr lang="en-US" sz="1600"/>
                        <a:t>Pekin</a:t>
                      </a:r>
                    </a:p>
                  </a:txBody>
                  <a:tcPr marL="76511" marR="76511" marT="39994" marB="39994"/>
                </a:tc>
                <a:tc>
                  <a:txBody>
                    <a:bodyPr/>
                    <a:lstStyle/>
                    <a:p>
                      <a:r>
                        <a:rPr lang="en-US" sz="1600"/>
                        <a:t>2019</a:t>
                      </a:r>
                    </a:p>
                  </a:txBody>
                  <a:tcPr marL="76511" marR="76511" marT="39994" marB="39994"/>
                </a:tc>
                <a:tc>
                  <a:txBody>
                    <a:bodyPr/>
                    <a:lstStyle/>
                    <a:p>
                      <a:r>
                        <a:rPr lang="en-US" sz="1600"/>
                        <a:t>367/yr</a:t>
                      </a:r>
                    </a:p>
                  </a:txBody>
                  <a:tcPr marL="76511" marR="76511" marT="39994" marB="39994"/>
                </a:tc>
                <a:tc>
                  <a:txBody>
                    <a:bodyPr/>
                    <a:lstStyle/>
                    <a:p>
                      <a:r>
                        <a:rPr lang="en-US" sz="1600"/>
                        <a:t>Methodist</a:t>
                      </a:r>
                    </a:p>
                  </a:txBody>
                  <a:tcPr marL="76511" marR="76511" marT="39994" marB="39994"/>
                </a:tc>
                <a:tc>
                  <a:txBody>
                    <a:bodyPr/>
                    <a:lstStyle/>
                    <a:p>
                      <a:r>
                        <a:rPr lang="en-US" sz="1600"/>
                        <a:t>2019-20</a:t>
                      </a:r>
                      <a:r>
                        <a:rPr lang="en-US" sz="1600" baseline="0"/>
                        <a:t> </a:t>
                      </a:r>
                      <a:r>
                        <a:rPr lang="en-US" sz="1600"/>
                        <a:t>     +448</a:t>
                      </a:r>
                    </a:p>
                  </a:txBody>
                  <a:tcPr marL="76511" marR="76511" marT="39994" marB="39994"/>
                </a:tc>
                <a:extLst>
                  <a:ext uri="{0D108BD9-81ED-4DB2-BD59-A6C34878D82A}">
                    <a16:rowId xmlns:a16="http://schemas.microsoft.com/office/drawing/2014/main" val="271654055"/>
                  </a:ext>
                </a:extLst>
              </a:tr>
              <a:tr h="351947">
                <a:tc>
                  <a:txBody>
                    <a:bodyPr/>
                    <a:lstStyle/>
                    <a:p>
                      <a:r>
                        <a:rPr lang="en-US" sz="1600"/>
                        <a:t>Spring Valley</a:t>
                      </a:r>
                    </a:p>
                  </a:txBody>
                  <a:tcPr marL="76511" marR="76511" marT="39994" marB="39994"/>
                </a:tc>
                <a:tc>
                  <a:txBody>
                    <a:bodyPr/>
                    <a:lstStyle/>
                    <a:p>
                      <a:r>
                        <a:rPr lang="en-US" sz="1600"/>
                        <a:t>2022</a:t>
                      </a:r>
                    </a:p>
                  </a:txBody>
                  <a:tcPr marL="76511" marR="76511" marT="39994" marB="39994"/>
                </a:tc>
                <a:tc>
                  <a:txBody>
                    <a:bodyPr/>
                    <a:lstStyle/>
                    <a:p>
                      <a:r>
                        <a:rPr lang="en-US" sz="1600"/>
                        <a:t>269/yr</a:t>
                      </a:r>
                    </a:p>
                  </a:txBody>
                  <a:tcPr marL="76511" marR="76511" marT="39994" marB="39994"/>
                </a:tc>
                <a:tc>
                  <a:txBody>
                    <a:bodyPr/>
                    <a:lstStyle/>
                    <a:p>
                      <a:r>
                        <a:rPr lang="en-US" sz="1600"/>
                        <a:t>Peru</a:t>
                      </a:r>
                    </a:p>
                  </a:txBody>
                  <a:tcPr marL="76511" marR="76511" marT="39994" marB="39994"/>
                </a:tc>
                <a:tc>
                  <a:txBody>
                    <a:bodyPr/>
                    <a:lstStyle/>
                    <a:p>
                      <a:r>
                        <a:rPr lang="en-US" sz="1600"/>
                        <a:t>2022            +154</a:t>
                      </a:r>
                    </a:p>
                  </a:txBody>
                  <a:tcPr marL="76511" marR="76511" marT="39994" marB="39994"/>
                </a:tc>
                <a:extLst>
                  <a:ext uri="{0D108BD9-81ED-4DB2-BD59-A6C34878D82A}">
                    <a16:rowId xmlns:a16="http://schemas.microsoft.com/office/drawing/2014/main" val="469796056"/>
                  </a:ext>
                </a:extLst>
              </a:tr>
              <a:tr h="351947">
                <a:tc>
                  <a:txBody>
                    <a:bodyPr/>
                    <a:lstStyle/>
                    <a:p>
                      <a:r>
                        <a:rPr lang="en-US" sz="1600"/>
                        <a:t>Carthage</a:t>
                      </a:r>
                    </a:p>
                  </a:txBody>
                  <a:tcPr marL="76511" marR="76511" marT="39994" marB="39994"/>
                </a:tc>
                <a:tc>
                  <a:txBody>
                    <a:bodyPr/>
                    <a:lstStyle/>
                    <a:p>
                      <a:r>
                        <a:rPr lang="en-US" sz="1600"/>
                        <a:t>2022</a:t>
                      </a:r>
                    </a:p>
                  </a:txBody>
                  <a:tcPr marL="76511" marR="76511" marT="39994" marB="39994"/>
                </a:tc>
                <a:tc>
                  <a:txBody>
                    <a:bodyPr/>
                    <a:lstStyle/>
                    <a:p>
                      <a:r>
                        <a:rPr lang="en-US" sz="1600"/>
                        <a:t>101/yr</a:t>
                      </a:r>
                    </a:p>
                  </a:txBody>
                  <a:tcPr marL="76511" marR="76511" marT="39994" marB="39994"/>
                </a:tc>
                <a:tc>
                  <a:txBody>
                    <a:bodyPr/>
                    <a:lstStyle/>
                    <a:p>
                      <a:r>
                        <a:rPr lang="en-US" sz="1600"/>
                        <a:t>Quincy/MDH</a:t>
                      </a:r>
                    </a:p>
                  </a:txBody>
                  <a:tcPr marL="76511" marR="76511" marT="39994" marB="39994"/>
                </a:tc>
                <a:tc>
                  <a:txBody>
                    <a:bodyPr/>
                    <a:lstStyle/>
                    <a:p>
                      <a:endParaRPr lang="en-US" sz="1600"/>
                    </a:p>
                  </a:txBody>
                  <a:tcPr marL="76511" marR="76511" marT="39994" marB="39994"/>
                </a:tc>
                <a:extLst>
                  <a:ext uri="{0D108BD9-81ED-4DB2-BD59-A6C34878D82A}">
                    <a16:rowId xmlns:a16="http://schemas.microsoft.com/office/drawing/2014/main" val="2241143087"/>
                  </a:ext>
                </a:extLst>
              </a:tr>
              <a:tr h="351947">
                <a:tc>
                  <a:txBody>
                    <a:bodyPr/>
                    <a:lstStyle/>
                    <a:p>
                      <a:r>
                        <a:rPr lang="en-US" sz="1600"/>
                        <a:t>Peru</a:t>
                      </a:r>
                    </a:p>
                  </a:txBody>
                  <a:tcPr marL="76511" marR="76511" marT="39994" marB="39994"/>
                </a:tc>
                <a:tc>
                  <a:txBody>
                    <a:bodyPr/>
                    <a:lstStyle/>
                    <a:p>
                      <a:r>
                        <a:rPr lang="en-US" sz="1600"/>
                        <a:t>2023</a:t>
                      </a:r>
                    </a:p>
                  </a:txBody>
                  <a:tcPr marL="76511" marR="76511" marT="39994" marB="39994"/>
                </a:tc>
                <a:tc>
                  <a:txBody>
                    <a:bodyPr/>
                    <a:lstStyle/>
                    <a:p>
                      <a:r>
                        <a:rPr lang="en-US" sz="1600"/>
                        <a:t>354/yr</a:t>
                      </a:r>
                    </a:p>
                  </a:txBody>
                  <a:tcPr marL="76511" marR="76511" marT="39994" marB="39994"/>
                </a:tc>
                <a:tc>
                  <a:txBody>
                    <a:bodyPr/>
                    <a:lstStyle/>
                    <a:p>
                      <a:r>
                        <a:rPr lang="en-US" sz="1600"/>
                        <a:t>Ottawa/Morris</a:t>
                      </a:r>
                    </a:p>
                  </a:txBody>
                  <a:tcPr marL="76511" marR="76511" marT="39994" marB="39994"/>
                </a:tc>
                <a:tc>
                  <a:txBody>
                    <a:bodyPr/>
                    <a:lstStyle/>
                    <a:p>
                      <a:endParaRPr lang="en-US" sz="1600"/>
                    </a:p>
                  </a:txBody>
                  <a:tcPr marL="76511" marR="76511" marT="39994" marB="39994"/>
                </a:tc>
                <a:extLst>
                  <a:ext uri="{0D108BD9-81ED-4DB2-BD59-A6C34878D82A}">
                    <a16:rowId xmlns:a16="http://schemas.microsoft.com/office/drawing/2014/main" val="4004813238"/>
                  </a:ext>
                </a:extLst>
              </a:tr>
            </a:tbl>
          </a:graphicData>
        </a:graphic>
      </p:graphicFrame>
    </p:spTree>
    <p:extLst>
      <p:ext uri="{BB962C8B-B14F-4D97-AF65-F5344CB8AC3E}">
        <p14:creationId xmlns:p14="http://schemas.microsoft.com/office/powerpoint/2010/main" val="47643139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32BC26D8-82FB-445E-AA49-62A77D7C1EE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solidFill>
            <a:schemeClr val="tx1">
              <a:lumMod val="65000"/>
              <a:lumOff val="3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Rectangle 12">
            <a:extLst>
              <a:ext uri="{FF2B5EF4-FFF2-40B4-BE49-F238E27FC236}">
                <a16:creationId xmlns:a16="http://schemas.microsoft.com/office/drawing/2014/main" id="{CB44330D-EA18-4254-AA95-EB49948539B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477012" y="480060"/>
            <a:ext cx="11237976" cy="589788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aphicFrame>
        <p:nvGraphicFramePr>
          <p:cNvPr id="6" name="Content Placeholder 5"/>
          <p:cNvGraphicFramePr>
            <a:graphicFrameLocks/>
          </p:cNvGraphicFramePr>
          <p:nvPr/>
        </p:nvGraphicFramePr>
        <p:xfrm>
          <a:off x="879321" y="643467"/>
          <a:ext cx="3454400" cy="3205480"/>
        </p:xfrm>
        <a:graphic>
          <a:graphicData uri="http://schemas.openxmlformats.org/drawingml/2006/table">
            <a:tbl>
              <a:tblPr firstRow="1" bandRow="1">
                <a:tableStyleId>{5C22544A-7EE6-4342-B048-85BDC9FD1C3A}</a:tableStyleId>
              </a:tblPr>
              <a:tblGrid>
                <a:gridCol w="1727200">
                  <a:extLst>
                    <a:ext uri="{9D8B030D-6E8A-4147-A177-3AD203B41FA5}">
                      <a16:colId xmlns:a16="http://schemas.microsoft.com/office/drawing/2014/main" val="3776452599"/>
                    </a:ext>
                  </a:extLst>
                </a:gridCol>
                <a:gridCol w="1727200">
                  <a:extLst>
                    <a:ext uri="{9D8B030D-6E8A-4147-A177-3AD203B41FA5}">
                      <a16:colId xmlns:a16="http://schemas.microsoft.com/office/drawing/2014/main" val="219409054"/>
                    </a:ext>
                  </a:extLst>
                </a:gridCol>
              </a:tblGrid>
              <a:tr h="370840">
                <a:tc>
                  <a:txBody>
                    <a:bodyPr/>
                    <a:lstStyle/>
                    <a:p>
                      <a:r>
                        <a:rPr lang="en-US"/>
                        <a:t>Year</a:t>
                      </a:r>
                    </a:p>
                  </a:txBody>
                  <a:tcPr/>
                </a:tc>
                <a:tc>
                  <a:txBody>
                    <a:bodyPr/>
                    <a:lstStyle/>
                    <a:p>
                      <a:r>
                        <a:rPr lang="en-US"/>
                        <a:t>IL Births</a:t>
                      </a:r>
                    </a:p>
                  </a:txBody>
                  <a:tcPr/>
                </a:tc>
                <a:extLst>
                  <a:ext uri="{0D108BD9-81ED-4DB2-BD59-A6C34878D82A}">
                    <a16:rowId xmlns:a16="http://schemas.microsoft.com/office/drawing/2014/main" val="3144230923"/>
                  </a:ext>
                </a:extLst>
              </a:tr>
              <a:tr h="370840">
                <a:tc>
                  <a:txBody>
                    <a:bodyPr/>
                    <a:lstStyle/>
                    <a:p>
                      <a:r>
                        <a:rPr lang="en-US"/>
                        <a:t>2014</a:t>
                      </a:r>
                    </a:p>
                  </a:txBody>
                  <a:tcPr/>
                </a:tc>
                <a:tc>
                  <a:txBody>
                    <a:bodyPr/>
                    <a:lstStyle/>
                    <a:p>
                      <a:r>
                        <a:rPr lang="en-US"/>
                        <a:t>158,522</a:t>
                      </a:r>
                    </a:p>
                  </a:txBody>
                  <a:tcPr/>
                </a:tc>
                <a:extLst>
                  <a:ext uri="{0D108BD9-81ED-4DB2-BD59-A6C34878D82A}">
                    <a16:rowId xmlns:a16="http://schemas.microsoft.com/office/drawing/2014/main" val="3081736935"/>
                  </a:ext>
                </a:extLst>
              </a:tr>
              <a:tr h="370840">
                <a:tc>
                  <a:txBody>
                    <a:bodyPr/>
                    <a:lstStyle/>
                    <a:p>
                      <a:r>
                        <a:rPr lang="en-US"/>
                        <a:t>2015</a:t>
                      </a:r>
                    </a:p>
                  </a:txBody>
                  <a:tcPr/>
                </a:tc>
                <a:tc>
                  <a:txBody>
                    <a:bodyPr/>
                    <a:lstStyle/>
                    <a:p>
                      <a:r>
                        <a:rPr lang="en-US"/>
                        <a:t>158,101</a:t>
                      </a:r>
                    </a:p>
                  </a:txBody>
                  <a:tcPr/>
                </a:tc>
                <a:extLst>
                  <a:ext uri="{0D108BD9-81ED-4DB2-BD59-A6C34878D82A}">
                    <a16:rowId xmlns:a16="http://schemas.microsoft.com/office/drawing/2014/main" val="2741429424"/>
                  </a:ext>
                </a:extLst>
              </a:tr>
              <a:tr h="370840">
                <a:tc>
                  <a:txBody>
                    <a:bodyPr/>
                    <a:lstStyle/>
                    <a:p>
                      <a:r>
                        <a:rPr lang="en-US"/>
                        <a:t>2016</a:t>
                      </a:r>
                    </a:p>
                  </a:txBody>
                  <a:tcPr/>
                </a:tc>
                <a:tc>
                  <a:txBody>
                    <a:bodyPr/>
                    <a:lstStyle/>
                    <a:p>
                      <a:r>
                        <a:rPr lang="en-US"/>
                        <a:t>154,467</a:t>
                      </a:r>
                    </a:p>
                  </a:txBody>
                  <a:tcPr/>
                </a:tc>
                <a:extLst>
                  <a:ext uri="{0D108BD9-81ED-4DB2-BD59-A6C34878D82A}">
                    <a16:rowId xmlns:a16="http://schemas.microsoft.com/office/drawing/2014/main" val="1654864539"/>
                  </a:ext>
                </a:extLst>
              </a:tr>
              <a:tr h="370840">
                <a:tc>
                  <a:txBody>
                    <a:bodyPr/>
                    <a:lstStyle/>
                    <a:p>
                      <a:r>
                        <a:rPr lang="en-US"/>
                        <a:t>2017</a:t>
                      </a:r>
                    </a:p>
                  </a:txBody>
                  <a:tcPr/>
                </a:tc>
                <a:tc>
                  <a:txBody>
                    <a:bodyPr/>
                    <a:lstStyle/>
                    <a:p>
                      <a:r>
                        <a:rPr lang="en-US"/>
                        <a:t>149,390</a:t>
                      </a:r>
                    </a:p>
                  </a:txBody>
                  <a:tcPr/>
                </a:tc>
                <a:extLst>
                  <a:ext uri="{0D108BD9-81ED-4DB2-BD59-A6C34878D82A}">
                    <a16:rowId xmlns:a16="http://schemas.microsoft.com/office/drawing/2014/main" val="3595185599"/>
                  </a:ext>
                </a:extLst>
              </a:tr>
              <a:tr h="370840">
                <a:tc>
                  <a:txBody>
                    <a:bodyPr/>
                    <a:lstStyle/>
                    <a:p>
                      <a:r>
                        <a:rPr lang="en-US"/>
                        <a:t>2018</a:t>
                      </a:r>
                    </a:p>
                  </a:txBody>
                  <a:tcPr/>
                </a:tc>
                <a:tc>
                  <a:txBody>
                    <a:bodyPr/>
                    <a:lstStyle/>
                    <a:p>
                      <a:r>
                        <a:rPr lang="en-US"/>
                        <a:t>144,828</a:t>
                      </a:r>
                    </a:p>
                  </a:txBody>
                  <a:tcPr/>
                </a:tc>
                <a:extLst>
                  <a:ext uri="{0D108BD9-81ED-4DB2-BD59-A6C34878D82A}">
                    <a16:rowId xmlns:a16="http://schemas.microsoft.com/office/drawing/2014/main" val="3367495072"/>
                  </a:ext>
                </a:extLst>
              </a:tr>
              <a:tr h="370840">
                <a:tc>
                  <a:txBody>
                    <a:bodyPr/>
                    <a:lstStyle/>
                    <a:p>
                      <a:r>
                        <a:rPr lang="en-US"/>
                        <a:t>2019</a:t>
                      </a:r>
                    </a:p>
                  </a:txBody>
                  <a:tcPr/>
                </a:tc>
                <a:tc>
                  <a:txBody>
                    <a:bodyPr/>
                    <a:lstStyle/>
                    <a:p>
                      <a:r>
                        <a:rPr lang="en-US"/>
                        <a:t>140,145</a:t>
                      </a:r>
                    </a:p>
                  </a:txBody>
                  <a:tcPr/>
                </a:tc>
                <a:extLst>
                  <a:ext uri="{0D108BD9-81ED-4DB2-BD59-A6C34878D82A}">
                    <a16:rowId xmlns:a16="http://schemas.microsoft.com/office/drawing/2014/main" val="993923376"/>
                  </a:ext>
                </a:extLst>
              </a:tr>
              <a:tr h="370840">
                <a:tc>
                  <a:txBody>
                    <a:bodyPr/>
                    <a:lstStyle/>
                    <a:p>
                      <a:r>
                        <a:rPr lang="en-US"/>
                        <a:t>2020</a:t>
                      </a:r>
                    </a:p>
                  </a:txBody>
                  <a:tcPr/>
                </a:tc>
                <a:tc>
                  <a:txBody>
                    <a:bodyPr/>
                    <a:lstStyle/>
                    <a:p>
                      <a:r>
                        <a:rPr lang="en-US"/>
                        <a:t>133,304               </a:t>
                      </a:r>
                      <a:r>
                        <a:rPr lang="en-US" sz="1600"/>
                        <a:t>(-25,218)</a:t>
                      </a:r>
                    </a:p>
                  </a:txBody>
                  <a:tcPr/>
                </a:tc>
                <a:extLst>
                  <a:ext uri="{0D108BD9-81ED-4DB2-BD59-A6C34878D82A}">
                    <a16:rowId xmlns:a16="http://schemas.microsoft.com/office/drawing/2014/main" val="4124294001"/>
                  </a:ext>
                </a:extLst>
              </a:tr>
            </a:tbl>
          </a:graphicData>
        </a:graphic>
      </p:graphicFrame>
      <p:pic>
        <p:nvPicPr>
          <p:cNvPr id="5" name="Content Placeholder 4"/>
          <p:cNvPicPr>
            <a:picLocks noChangeAspect="1"/>
          </p:cNvPicPr>
          <p:nvPr/>
        </p:nvPicPr>
        <p:blipFill rotWithShape="1">
          <a:blip r:embed="rId2"/>
          <a:srcRect l="12159" t="10278" r="12303" b="10526"/>
          <a:stretch/>
        </p:blipFill>
        <p:spPr>
          <a:xfrm>
            <a:off x="4023839" y="1329067"/>
            <a:ext cx="7288839" cy="4885466"/>
          </a:xfrm>
          <a:prstGeom prst="rect">
            <a:avLst/>
          </a:prstGeom>
        </p:spPr>
      </p:pic>
    </p:spTree>
    <p:extLst>
      <p:ext uri="{BB962C8B-B14F-4D97-AF65-F5344CB8AC3E}">
        <p14:creationId xmlns:p14="http://schemas.microsoft.com/office/powerpoint/2010/main" val="171282617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60A7ED9-52AE-1F6B-E4CC-41D4FE214FC7}"/>
              </a:ext>
            </a:extLst>
          </p:cNvPr>
          <p:cNvSpPr>
            <a:spLocks noGrp="1"/>
          </p:cNvSpPr>
          <p:nvPr>
            <p:ph type="title"/>
          </p:nvPr>
        </p:nvSpPr>
        <p:spPr/>
        <p:txBody>
          <a:bodyPr/>
          <a:lstStyle/>
          <a:p>
            <a:r>
              <a:rPr lang="en-US" dirty="0"/>
              <a:t>IDPH Updates</a:t>
            </a:r>
          </a:p>
        </p:txBody>
      </p:sp>
      <p:sp>
        <p:nvSpPr>
          <p:cNvPr id="3" name="Text Placeholder 2">
            <a:extLst>
              <a:ext uri="{FF2B5EF4-FFF2-40B4-BE49-F238E27FC236}">
                <a16:creationId xmlns:a16="http://schemas.microsoft.com/office/drawing/2014/main" id="{28843BDF-7392-3790-7147-3BEB424283B7}"/>
              </a:ext>
            </a:extLst>
          </p:cNvPr>
          <p:cNvSpPr>
            <a:spLocks noGrp="1"/>
          </p:cNvSpPr>
          <p:nvPr>
            <p:ph type="body" idx="1"/>
          </p:nvPr>
        </p:nvSpPr>
        <p:spPr/>
        <p:txBody>
          <a:bodyPr/>
          <a:lstStyle/>
          <a:p>
            <a:endParaRPr lang="en-US"/>
          </a:p>
        </p:txBody>
      </p:sp>
    </p:spTree>
    <p:extLst>
      <p:ext uri="{BB962C8B-B14F-4D97-AF65-F5344CB8AC3E}">
        <p14:creationId xmlns:p14="http://schemas.microsoft.com/office/powerpoint/2010/main" val="222831226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420871-E411-7F29-A0A1-C749BDD62D55}"/>
              </a:ext>
            </a:extLst>
          </p:cNvPr>
          <p:cNvSpPr>
            <a:spLocks noGrp="1"/>
          </p:cNvSpPr>
          <p:nvPr>
            <p:ph type="title"/>
          </p:nvPr>
        </p:nvSpPr>
        <p:spPr/>
        <p:txBody>
          <a:bodyPr/>
          <a:lstStyle/>
          <a:p>
            <a:r>
              <a:rPr lang="en-US" dirty="0"/>
              <a:t>IDPH </a:t>
            </a:r>
          </a:p>
        </p:txBody>
      </p:sp>
      <p:sp>
        <p:nvSpPr>
          <p:cNvPr id="3" name="Text Placeholder 2">
            <a:extLst>
              <a:ext uri="{FF2B5EF4-FFF2-40B4-BE49-F238E27FC236}">
                <a16:creationId xmlns:a16="http://schemas.microsoft.com/office/drawing/2014/main" id="{E03F8BC4-BE34-ACDD-C439-29220B6BED1D}"/>
              </a:ext>
            </a:extLst>
          </p:cNvPr>
          <p:cNvSpPr>
            <a:spLocks noGrp="1"/>
          </p:cNvSpPr>
          <p:nvPr>
            <p:ph type="body" idx="1"/>
          </p:nvPr>
        </p:nvSpPr>
        <p:spPr/>
        <p:txBody>
          <a:bodyPr/>
          <a:lstStyle/>
          <a:p>
            <a:r>
              <a:rPr lang="en-US" dirty="0"/>
              <a:t>Various</a:t>
            </a:r>
          </a:p>
        </p:txBody>
      </p:sp>
      <p:sp>
        <p:nvSpPr>
          <p:cNvPr id="4" name="Content Placeholder 3">
            <a:extLst>
              <a:ext uri="{FF2B5EF4-FFF2-40B4-BE49-F238E27FC236}">
                <a16:creationId xmlns:a16="http://schemas.microsoft.com/office/drawing/2014/main" id="{0A074247-1495-33BE-77A2-01E5E1D3E5AD}"/>
              </a:ext>
            </a:extLst>
          </p:cNvPr>
          <p:cNvSpPr>
            <a:spLocks noGrp="1"/>
          </p:cNvSpPr>
          <p:nvPr>
            <p:ph sz="half" idx="2"/>
          </p:nvPr>
        </p:nvSpPr>
        <p:spPr/>
        <p:txBody>
          <a:bodyPr/>
          <a:lstStyle/>
          <a:p>
            <a:r>
              <a:rPr lang="en-US" dirty="0"/>
              <a:t>MLOC – draft of rules by April – June 2024</a:t>
            </a:r>
          </a:p>
          <a:p>
            <a:r>
              <a:rPr lang="en-US" dirty="0"/>
              <a:t>HIV testing – We just received and will send to you</a:t>
            </a:r>
          </a:p>
          <a:p>
            <a:r>
              <a:rPr lang="en-US" dirty="0"/>
              <a:t>APORS – Timeliness Reports</a:t>
            </a:r>
          </a:p>
          <a:p>
            <a:r>
              <a:rPr lang="en-US" dirty="0"/>
              <a:t>Airway Management </a:t>
            </a:r>
          </a:p>
          <a:p>
            <a:r>
              <a:rPr lang="en-US" dirty="0"/>
              <a:t>Syphilis (Slide deck on website)</a:t>
            </a:r>
          </a:p>
        </p:txBody>
      </p:sp>
      <p:sp>
        <p:nvSpPr>
          <p:cNvPr id="5" name="Text Placeholder 4">
            <a:extLst>
              <a:ext uri="{FF2B5EF4-FFF2-40B4-BE49-F238E27FC236}">
                <a16:creationId xmlns:a16="http://schemas.microsoft.com/office/drawing/2014/main" id="{1F33C42D-E219-67E6-9FE2-092CE7C477B1}"/>
              </a:ext>
            </a:extLst>
          </p:cNvPr>
          <p:cNvSpPr>
            <a:spLocks noGrp="1"/>
          </p:cNvSpPr>
          <p:nvPr>
            <p:ph type="body" sz="quarter" idx="3"/>
          </p:nvPr>
        </p:nvSpPr>
        <p:spPr/>
        <p:txBody>
          <a:bodyPr/>
          <a:lstStyle/>
          <a:p>
            <a:r>
              <a:rPr lang="en-US" dirty="0"/>
              <a:t>Site Visits</a:t>
            </a:r>
          </a:p>
        </p:txBody>
      </p:sp>
      <p:sp>
        <p:nvSpPr>
          <p:cNvPr id="6" name="Content Placeholder 5">
            <a:extLst>
              <a:ext uri="{FF2B5EF4-FFF2-40B4-BE49-F238E27FC236}">
                <a16:creationId xmlns:a16="http://schemas.microsoft.com/office/drawing/2014/main" id="{14341C0E-D852-3088-0D19-035D2DF4C1BB}"/>
              </a:ext>
            </a:extLst>
          </p:cNvPr>
          <p:cNvSpPr>
            <a:spLocks noGrp="1"/>
          </p:cNvSpPr>
          <p:nvPr>
            <p:ph sz="quarter" idx="4"/>
          </p:nvPr>
        </p:nvSpPr>
        <p:spPr/>
        <p:txBody>
          <a:bodyPr/>
          <a:lstStyle/>
          <a:p>
            <a:r>
              <a:rPr lang="en-US" dirty="0"/>
              <a:t>Please keep working on materials</a:t>
            </a:r>
          </a:p>
          <a:p>
            <a:r>
              <a:rPr lang="en-US" dirty="0"/>
              <a:t>Materials to NCIPN 6 weeks in advanced. Review and Update</a:t>
            </a:r>
          </a:p>
          <a:p>
            <a:r>
              <a:rPr lang="en-US" dirty="0"/>
              <a:t>Materials to NCIPN for distribution to IDPH &amp; Team 3 weeks prior (3Protected USB)</a:t>
            </a:r>
          </a:p>
          <a:p>
            <a:r>
              <a:rPr lang="en-US" dirty="0"/>
              <a:t>Hybrid format</a:t>
            </a:r>
          </a:p>
        </p:txBody>
      </p:sp>
    </p:spTree>
    <p:extLst>
      <p:ext uri="{BB962C8B-B14F-4D97-AF65-F5344CB8AC3E}">
        <p14:creationId xmlns:p14="http://schemas.microsoft.com/office/powerpoint/2010/main" val="332831096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14" name="Rectangle 13">
            <a:extLst>
              <a:ext uri="{FF2B5EF4-FFF2-40B4-BE49-F238E27FC236}">
                <a16:creationId xmlns:a16="http://schemas.microsoft.com/office/drawing/2014/main" id="{C9A36457-A5F4-4103-A443-02581C09185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Freeform: Shape 15">
            <a:extLst>
              <a:ext uri="{FF2B5EF4-FFF2-40B4-BE49-F238E27FC236}">
                <a16:creationId xmlns:a16="http://schemas.microsoft.com/office/drawing/2014/main" id="{DC5FB7E8-B636-40FA-BE8D-48145C0F5C5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4"/>
            <a:ext cx="12192000" cy="2295238"/>
          </a:xfrm>
          <a:custGeom>
            <a:avLst/>
            <a:gdLst>
              <a:gd name="connsiteX0" fmla="*/ 12160143 w 12192000"/>
              <a:gd name="connsiteY0" fmla="*/ 831692 h 2079137"/>
              <a:gd name="connsiteX1" fmla="*/ 12159112 w 12192000"/>
              <a:gd name="connsiteY1" fmla="*/ 833361 h 2079137"/>
              <a:gd name="connsiteX2" fmla="*/ 12158912 w 12192000"/>
              <a:gd name="connsiteY2" fmla="*/ 832430 h 2079137"/>
              <a:gd name="connsiteX3" fmla="*/ 0 w 12192000"/>
              <a:gd name="connsiteY3" fmla="*/ 0 h 2079137"/>
              <a:gd name="connsiteX4" fmla="*/ 12192000 w 12192000"/>
              <a:gd name="connsiteY4" fmla="*/ 0 h 2079137"/>
              <a:gd name="connsiteX5" fmla="*/ 12192000 w 12192000"/>
              <a:gd name="connsiteY5" fmla="*/ 558063 h 2079137"/>
              <a:gd name="connsiteX6" fmla="*/ 12189259 w 12192000"/>
              <a:gd name="connsiteY6" fmla="*/ 810508 h 2079137"/>
              <a:gd name="connsiteX7" fmla="*/ 12170847 w 12192000"/>
              <a:gd name="connsiteY7" fmla="*/ 825280 h 2079137"/>
              <a:gd name="connsiteX8" fmla="*/ 12160143 w 12192000"/>
              <a:gd name="connsiteY8" fmla="*/ 831692 h 2079137"/>
              <a:gd name="connsiteX9" fmla="*/ 12163806 w 12192000"/>
              <a:gd name="connsiteY9" fmla="*/ 825759 h 2079137"/>
              <a:gd name="connsiteX10" fmla="*/ 12056557 w 12192000"/>
              <a:gd name="connsiteY10" fmla="*/ 810176 h 2079137"/>
              <a:gd name="connsiteX11" fmla="*/ 11900316 w 12192000"/>
              <a:gd name="connsiteY11" fmla="*/ 789618 h 2079137"/>
              <a:gd name="connsiteX12" fmla="*/ 11791206 w 12192000"/>
              <a:gd name="connsiteY12" fmla="*/ 824176 h 2079137"/>
              <a:gd name="connsiteX13" fmla="*/ 11659257 w 12192000"/>
              <a:gd name="connsiteY13" fmla="*/ 800841 h 2079137"/>
              <a:gd name="connsiteX14" fmla="*/ 11569789 w 12192000"/>
              <a:gd name="connsiteY14" fmla="*/ 797135 h 2079137"/>
              <a:gd name="connsiteX15" fmla="*/ 11367885 w 12192000"/>
              <a:gd name="connsiteY15" fmla="*/ 791985 h 2079137"/>
              <a:gd name="connsiteX16" fmla="*/ 11174663 w 12192000"/>
              <a:gd name="connsiteY16" fmla="*/ 788721 h 2079137"/>
              <a:gd name="connsiteX17" fmla="*/ 11068220 w 12192000"/>
              <a:gd name="connsiteY17" fmla="*/ 786994 h 2079137"/>
              <a:gd name="connsiteX18" fmla="*/ 10893266 w 12192000"/>
              <a:gd name="connsiteY18" fmla="*/ 794013 h 2079137"/>
              <a:gd name="connsiteX19" fmla="*/ 10844025 w 12192000"/>
              <a:gd name="connsiteY19" fmla="*/ 789857 h 2079137"/>
              <a:gd name="connsiteX20" fmla="*/ 10814353 w 12192000"/>
              <a:gd name="connsiteY20" fmla="*/ 789010 h 2079137"/>
              <a:gd name="connsiteX21" fmla="*/ 10748393 w 12192000"/>
              <a:gd name="connsiteY21" fmla="*/ 806738 h 2079137"/>
              <a:gd name="connsiteX22" fmla="*/ 10468256 w 12192000"/>
              <a:gd name="connsiteY22" fmla="*/ 778733 h 2079137"/>
              <a:gd name="connsiteX23" fmla="*/ 10256131 w 12192000"/>
              <a:gd name="connsiteY23" fmla="*/ 788332 h 2079137"/>
              <a:gd name="connsiteX24" fmla="*/ 10177442 w 12192000"/>
              <a:gd name="connsiteY24" fmla="*/ 777371 h 2079137"/>
              <a:gd name="connsiteX25" fmla="*/ 10006086 w 12192000"/>
              <a:gd name="connsiteY25" fmla="*/ 792651 h 2079137"/>
              <a:gd name="connsiteX26" fmla="*/ 9952382 w 12192000"/>
              <a:gd name="connsiteY26" fmla="*/ 815411 h 2079137"/>
              <a:gd name="connsiteX27" fmla="*/ 9926457 w 12192000"/>
              <a:gd name="connsiteY27" fmla="*/ 827295 h 2079137"/>
              <a:gd name="connsiteX28" fmla="*/ 9843405 w 12192000"/>
              <a:gd name="connsiteY28" fmla="*/ 867046 h 2079137"/>
              <a:gd name="connsiteX29" fmla="*/ 9830866 w 12192000"/>
              <a:gd name="connsiteY29" fmla="*/ 875047 h 2079137"/>
              <a:gd name="connsiteX30" fmla="*/ 9801807 w 12192000"/>
              <a:gd name="connsiteY30" fmla="*/ 872272 h 2079137"/>
              <a:gd name="connsiteX31" fmla="*/ 9785653 w 12192000"/>
              <a:gd name="connsiteY31" fmla="*/ 861743 h 2079137"/>
              <a:gd name="connsiteX32" fmla="*/ 9781177 w 12192000"/>
              <a:gd name="connsiteY32" fmla="*/ 864820 h 2079137"/>
              <a:gd name="connsiteX33" fmla="*/ 9768640 w 12192000"/>
              <a:gd name="connsiteY33" fmla="*/ 869379 h 2079137"/>
              <a:gd name="connsiteX34" fmla="*/ 9712211 w 12192000"/>
              <a:gd name="connsiteY34" fmla="*/ 900283 h 2079137"/>
              <a:gd name="connsiteX35" fmla="*/ 9689465 w 12192000"/>
              <a:gd name="connsiteY35" fmla="*/ 899268 h 2079137"/>
              <a:gd name="connsiteX36" fmla="*/ 9600339 w 12192000"/>
              <a:gd name="connsiteY36" fmla="*/ 922112 h 2079137"/>
              <a:gd name="connsiteX37" fmla="*/ 9582850 w 12192000"/>
              <a:gd name="connsiteY37" fmla="*/ 925510 h 2079137"/>
              <a:gd name="connsiteX38" fmla="*/ 9549638 w 12192000"/>
              <a:gd name="connsiteY38" fmla="*/ 940845 h 2079137"/>
              <a:gd name="connsiteX39" fmla="*/ 9539471 w 12192000"/>
              <a:gd name="connsiteY39" fmla="*/ 941799 h 2079137"/>
              <a:gd name="connsiteX40" fmla="*/ 9505592 w 12192000"/>
              <a:gd name="connsiteY40" fmla="*/ 955533 h 2079137"/>
              <a:gd name="connsiteX41" fmla="*/ 9432569 w 12192000"/>
              <a:gd name="connsiteY41" fmla="*/ 985377 h 2079137"/>
              <a:gd name="connsiteX42" fmla="*/ 9414216 w 12192000"/>
              <a:gd name="connsiteY42" fmla="*/ 992655 h 2079137"/>
              <a:gd name="connsiteX43" fmla="*/ 9397106 w 12192000"/>
              <a:gd name="connsiteY43" fmla="*/ 992980 h 2079137"/>
              <a:gd name="connsiteX44" fmla="*/ 9305108 w 12192000"/>
              <a:gd name="connsiteY44" fmla="*/ 1007767 h 2079137"/>
              <a:gd name="connsiteX45" fmla="*/ 9282434 w 12192000"/>
              <a:gd name="connsiteY45" fmla="*/ 1007523 h 2079137"/>
              <a:gd name="connsiteX46" fmla="*/ 9271941 w 12192000"/>
              <a:gd name="connsiteY46" fmla="*/ 1002839 h 2079137"/>
              <a:gd name="connsiteX47" fmla="*/ 9238227 w 12192000"/>
              <a:gd name="connsiteY47" fmla="*/ 1017668 h 2079137"/>
              <a:gd name="connsiteX48" fmla="*/ 9184265 w 12192000"/>
              <a:gd name="connsiteY48" fmla="*/ 1031275 h 2079137"/>
              <a:gd name="connsiteX49" fmla="*/ 9159000 w 12192000"/>
              <a:gd name="connsiteY49" fmla="*/ 1039569 h 2079137"/>
              <a:gd name="connsiteX50" fmla="*/ 9137031 w 12192000"/>
              <a:gd name="connsiteY50" fmla="*/ 1038699 h 2079137"/>
              <a:gd name="connsiteX51" fmla="*/ 9015702 w 12192000"/>
              <a:gd name="connsiteY51" fmla="*/ 1051400 h 2079137"/>
              <a:gd name="connsiteX52" fmla="*/ 8971403 w 12192000"/>
              <a:gd name="connsiteY52" fmla="*/ 1040542 h 2079137"/>
              <a:gd name="connsiteX53" fmla="*/ 8961826 w 12192000"/>
              <a:gd name="connsiteY53" fmla="*/ 1045364 h 2079137"/>
              <a:gd name="connsiteX54" fmla="*/ 8888623 w 12192000"/>
              <a:gd name="connsiteY54" fmla="*/ 1053908 h 2079137"/>
              <a:gd name="connsiteX55" fmla="*/ 8841066 w 12192000"/>
              <a:gd name="connsiteY55" fmla="*/ 1060421 h 2079137"/>
              <a:gd name="connsiteX56" fmla="*/ 8752342 w 12192000"/>
              <a:gd name="connsiteY56" fmla="*/ 1080646 h 2079137"/>
              <a:gd name="connsiteX57" fmla="*/ 8699139 w 12192000"/>
              <a:gd name="connsiteY57" fmla="*/ 1087885 h 2079137"/>
              <a:gd name="connsiteX58" fmla="*/ 8667273 w 12192000"/>
              <a:gd name="connsiteY58" fmla="*/ 1092062 h 2079137"/>
              <a:gd name="connsiteX59" fmla="*/ 8586064 w 12192000"/>
              <a:gd name="connsiteY59" fmla="*/ 1114603 h 2079137"/>
              <a:gd name="connsiteX60" fmla="*/ 8460312 w 12192000"/>
              <a:gd name="connsiteY60" fmla="*/ 1179878 h 2079137"/>
              <a:gd name="connsiteX61" fmla="*/ 8419023 w 12192000"/>
              <a:gd name="connsiteY61" fmla="*/ 1191748 h 2079137"/>
              <a:gd name="connsiteX62" fmla="*/ 8410939 w 12192000"/>
              <a:gd name="connsiteY62" fmla="*/ 1189696 h 2079137"/>
              <a:gd name="connsiteX63" fmla="*/ 8362040 w 12192000"/>
              <a:gd name="connsiteY63" fmla="*/ 1220820 h 2079137"/>
              <a:gd name="connsiteX64" fmla="*/ 8273677 w 12192000"/>
              <a:gd name="connsiteY64" fmla="*/ 1236495 h 2079137"/>
              <a:gd name="connsiteX65" fmla="*/ 8204283 w 12192000"/>
              <a:gd name="connsiteY65" fmla="*/ 1243537 h 2079137"/>
              <a:gd name="connsiteX66" fmla="*/ 8166550 w 12192000"/>
              <a:gd name="connsiteY66" fmla="*/ 1249551 h 2079137"/>
              <a:gd name="connsiteX67" fmla="*/ 8137785 w 12192000"/>
              <a:gd name="connsiteY67" fmla="*/ 1251636 h 2079137"/>
              <a:gd name="connsiteX68" fmla="*/ 8071596 w 12192000"/>
              <a:gd name="connsiteY68" fmla="*/ 1269274 h 2079137"/>
              <a:gd name="connsiteX69" fmla="*/ 7964816 w 12192000"/>
              <a:gd name="connsiteY69" fmla="*/ 1303668 h 2079137"/>
              <a:gd name="connsiteX70" fmla="*/ 7941495 w 12192000"/>
              <a:gd name="connsiteY70" fmla="*/ 1309821 h 2079137"/>
              <a:gd name="connsiteX71" fmla="*/ 7919123 w 12192000"/>
              <a:gd name="connsiteY71" fmla="*/ 1310466 h 2079137"/>
              <a:gd name="connsiteX72" fmla="*/ 7911902 w 12192000"/>
              <a:gd name="connsiteY72" fmla="*/ 1306569 h 2079137"/>
              <a:gd name="connsiteX73" fmla="*/ 7898703 w 12192000"/>
              <a:gd name="connsiteY73" fmla="*/ 1309208 h 2079137"/>
              <a:gd name="connsiteX74" fmla="*/ 7894703 w 12192000"/>
              <a:gd name="connsiteY74" fmla="*/ 1308939 h 2079137"/>
              <a:gd name="connsiteX75" fmla="*/ 7872267 w 12192000"/>
              <a:gd name="connsiteY75" fmla="*/ 1308370 h 2079137"/>
              <a:gd name="connsiteX76" fmla="*/ 7836454 w 12192000"/>
              <a:gd name="connsiteY76" fmla="*/ 1331265 h 2079137"/>
              <a:gd name="connsiteX77" fmla="*/ 7782451 w 12192000"/>
              <a:gd name="connsiteY77" fmla="*/ 1339601 h 2079137"/>
              <a:gd name="connsiteX78" fmla="*/ 7542969 w 12192000"/>
              <a:gd name="connsiteY78" fmla="*/ 1372495 h 2079137"/>
              <a:gd name="connsiteX79" fmla="*/ 7476832 w 12192000"/>
              <a:gd name="connsiteY79" fmla="*/ 1431655 h 2079137"/>
              <a:gd name="connsiteX80" fmla="*/ 7370237 w 12192000"/>
              <a:gd name="connsiteY80" fmla="*/ 1474339 h 2079137"/>
              <a:gd name="connsiteX81" fmla="*/ 7222223 w 12192000"/>
              <a:gd name="connsiteY81" fmla="*/ 1510199 h 2079137"/>
              <a:gd name="connsiteX82" fmla="*/ 7215703 w 12192000"/>
              <a:gd name="connsiteY82" fmla="*/ 1520424 h 2079137"/>
              <a:gd name="connsiteX83" fmla="*/ 7204548 w 12192000"/>
              <a:gd name="connsiteY83" fmla="*/ 1528145 h 2079137"/>
              <a:gd name="connsiteX84" fmla="*/ 7202038 w 12192000"/>
              <a:gd name="connsiteY84" fmla="*/ 1527954 h 2079137"/>
              <a:gd name="connsiteX85" fmla="*/ 7173860 w 12192000"/>
              <a:gd name="connsiteY85" fmla="*/ 1541605 h 2079137"/>
              <a:gd name="connsiteX86" fmla="*/ 7155079 w 12192000"/>
              <a:gd name="connsiteY86" fmla="*/ 1552495 h 2079137"/>
              <a:gd name="connsiteX87" fmla="*/ 7149757 w 12192000"/>
              <a:gd name="connsiteY87" fmla="*/ 1552732 h 2079137"/>
              <a:gd name="connsiteX88" fmla="*/ 7104804 w 12192000"/>
              <a:gd name="connsiteY88" fmla="*/ 1565792 h 2079137"/>
              <a:gd name="connsiteX89" fmla="*/ 7082824 w 12192000"/>
              <a:gd name="connsiteY89" fmla="*/ 1567947 h 2079137"/>
              <a:gd name="connsiteX90" fmla="*/ 7021520 w 12192000"/>
              <a:gd name="connsiteY90" fmla="*/ 1562334 h 2079137"/>
              <a:gd name="connsiteX91" fmla="*/ 6988956 w 12192000"/>
              <a:gd name="connsiteY91" fmla="*/ 1576442 h 2079137"/>
              <a:gd name="connsiteX92" fmla="*/ 6981922 w 12192000"/>
              <a:gd name="connsiteY92" fmla="*/ 1578821 h 2079137"/>
              <a:gd name="connsiteX93" fmla="*/ 6981583 w 12192000"/>
              <a:gd name="connsiteY93" fmla="*/ 1578678 h 2079137"/>
              <a:gd name="connsiteX94" fmla="*/ 6973762 w 12192000"/>
              <a:gd name="connsiteY94" fmla="*/ 1580811 h 2079137"/>
              <a:gd name="connsiteX95" fmla="*/ 6969093 w 12192000"/>
              <a:gd name="connsiteY95" fmla="*/ 1583157 h 2079137"/>
              <a:gd name="connsiteX96" fmla="*/ 6890037 w 12192000"/>
              <a:gd name="connsiteY96" fmla="*/ 1575825 h 2079137"/>
              <a:gd name="connsiteX97" fmla="*/ 6785054 w 12192000"/>
              <a:gd name="connsiteY97" fmla="*/ 1582200 h 2079137"/>
              <a:gd name="connsiteX98" fmla="*/ 6681692 w 12192000"/>
              <a:gd name="connsiteY98" fmla="*/ 1591296 h 2079137"/>
              <a:gd name="connsiteX99" fmla="*/ 6644556 w 12192000"/>
              <a:gd name="connsiteY99" fmla="*/ 1595940 h 2079137"/>
              <a:gd name="connsiteX100" fmla="*/ 6577106 w 12192000"/>
              <a:gd name="connsiteY100" fmla="*/ 1598261 h 2079137"/>
              <a:gd name="connsiteX101" fmla="*/ 6544183 w 12192000"/>
              <a:gd name="connsiteY101" fmla="*/ 1596149 h 2079137"/>
              <a:gd name="connsiteX102" fmla="*/ 6540921 w 12192000"/>
              <a:gd name="connsiteY102" fmla="*/ 1593857 h 2079137"/>
              <a:gd name="connsiteX103" fmla="*/ 6535046 w 12192000"/>
              <a:gd name="connsiteY103" fmla="*/ 1593283 h 2079137"/>
              <a:gd name="connsiteX104" fmla="*/ 6519853 w 12192000"/>
              <a:gd name="connsiteY104" fmla="*/ 1595771 h 2079137"/>
              <a:gd name="connsiteX105" fmla="*/ 6514280 w 12192000"/>
              <a:gd name="connsiteY105" fmla="*/ 1597376 h 2079137"/>
              <a:gd name="connsiteX106" fmla="*/ 6505824 w 12192000"/>
              <a:gd name="connsiteY106" fmla="*/ 1598298 h 2079137"/>
              <a:gd name="connsiteX107" fmla="*/ 6505573 w 12192000"/>
              <a:gd name="connsiteY107" fmla="*/ 1598109 h 2079137"/>
              <a:gd name="connsiteX108" fmla="*/ 6497741 w 12192000"/>
              <a:gd name="connsiteY108" fmla="*/ 1599392 h 2079137"/>
              <a:gd name="connsiteX109" fmla="*/ 6459992 w 12192000"/>
              <a:gd name="connsiteY109" fmla="*/ 1608358 h 2079137"/>
              <a:gd name="connsiteX110" fmla="*/ 6404572 w 12192000"/>
              <a:gd name="connsiteY110" fmla="*/ 1593771 h 2079137"/>
              <a:gd name="connsiteX111" fmla="*/ 6382671 w 12192000"/>
              <a:gd name="connsiteY111" fmla="*/ 1592612 h 2079137"/>
              <a:gd name="connsiteX112" fmla="*/ 6369843 w 12192000"/>
              <a:gd name="connsiteY112" fmla="*/ 1590015 h 2079137"/>
              <a:gd name="connsiteX113" fmla="*/ 6269740 w 12192000"/>
              <a:gd name="connsiteY113" fmla="*/ 1614633 h 2079137"/>
              <a:gd name="connsiteX114" fmla="*/ 6255405 w 12192000"/>
              <a:gd name="connsiteY114" fmla="*/ 1620529 h 2079137"/>
              <a:gd name="connsiteX115" fmla="*/ 6244248 w 12192000"/>
              <a:gd name="connsiteY115" fmla="*/ 1629561 h 2079137"/>
              <a:gd name="connsiteX116" fmla="*/ 6086396 w 12192000"/>
              <a:gd name="connsiteY116" fmla="*/ 1642666 h 2079137"/>
              <a:gd name="connsiteX117" fmla="*/ 5867429 w 12192000"/>
              <a:gd name="connsiteY117" fmla="*/ 1695554 h 2079137"/>
              <a:gd name="connsiteX118" fmla="*/ 5772864 w 12192000"/>
              <a:gd name="connsiteY118" fmla="*/ 1689002 h 2079137"/>
              <a:gd name="connsiteX119" fmla="*/ 5629833 w 12192000"/>
              <a:gd name="connsiteY119" fmla="*/ 1713273 h 2079137"/>
              <a:gd name="connsiteX120" fmla="*/ 5504771 w 12192000"/>
              <a:gd name="connsiteY120" fmla="*/ 1725744 h 2079137"/>
              <a:gd name="connsiteX121" fmla="*/ 5490967 w 12192000"/>
              <a:gd name="connsiteY121" fmla="*/ 1726367 h 2079137"/>
              <a:gd name="connsiteX122" fmla="*/ 5486015 w 12192000"/>
              <a:gd name="connsiteY122" fmla="*/ 1721481 h 2079137"/>
              <a:gd name="connsiteX123" fmla="*/ 5439364 w 12192000"/>
              <a:gd name="connsiteY123" fmla="*/ 1721349 h 2079137"/>
              <a:gd name="connsiteX124" fmla="*/ 5350025 w 12192000"/>
              <a:gd name="connsiteY124" fmla="*/ 1729885 h 2079137"/>
              <a:gd name="connsiteX125" fmla="*/ 5336104 w 12192000"/>
              <a:gd name="connsiteY125" fmla="*/ 1734377 h 2079137"/>
              <a:gd name="connsiteX126" fmla="*/ 5245234 w 12192000"/>
              <a:gd name="connsiteY126" fmla="*/ 1738520 h 2079137"/>
              <a:gd name="connsiteX127" fmla="*/ 5182955 w 12192000"/>
              <a:gd name="connsiteY127" fmla="*/ 1744622 h 2079137"/>
              <a:gd name="connsiteX128" fmla="*/ 5169506 w 12192000"/>
              <a:gd name="connsiteY128" fmla="*/ 1748993 h 2079137"/>
              <a:gd name="connsiteX129" fmla="*/ 5154299 w 12192000"/>
              <a:gd name="connsiteY129" fmla="*/ 1744080 h 2079137"/>
              <a:gd name="connsiteX130" fmla="*/ 5149917 w 12192000"/>
              <a:gd name="connsiteY130" fmla="*/ 1739727 h 2079137"/>
              <a:gd name="connsiteX131" fmla="*/ 5100319 w 12192000"/>
              <a:gd name="connsiteY131" fmla="*/ 1745797 h 2079137"/>
              <a:gd name="connsiteX132" fmla="*/ 5094361 w 12192000"/>
              <a:gd name="connsiteY132" fmla="*/ 1745767 h 2079137"/>
              <a:gd name="connsiteX133" fmla="*/ 5053410 w 12192000"/>
              <a:gd name="connsiteY133" fmla="*/ 1742790 h 2079137"/>
              <a:gd name="connsiteX134" fmla="*/ 4992711 w 12192000"/>
              <a:gd name="connsiteY134" fmla="*/ 1734075 h 2079137"/>
              <a:gd name="connsiteX135" fmla="*/ 4930098 w 12192000"/>
              <a:gd name="connsiteY135" fmla="*/ 1717312 h 2079137"/>
              <a:gd name="connsiteX136" fmla="*/ 4893834 w 12192000"/>
              <a:gd name="connsiteY136" fmla="*/ 1710028 h 2079137"/>
              <a:gd name="connsiteX137" fmla="*/ 4868730 w 12192000"/>
              <a:gd name="connsiteY137" fmla="*/ 1702384 h 2079137"/>
              <a:gd name="connsiteX138" fmla="*/ 4797925 w 12192000"/>
              <a:gd name="connsiteY138" fmla="*/ 1695535 h 2079137"/>
              <a:gd name="connsiteX139" fmla="*/ 4677670 w 12192000"/>
              <a:gd name="connsiteY139" fmla="*/ 1689453 h 2079137"/>
              <a:gd name="connsiteX140" fmla="*/ 4634248 w 12192000"/>
              <a:gd name="connsiteY140" fmla="*/ 1680227 h 2079137"/>
              <a:gd name="connsiteX141" fmla="*/ 4632434 w 12192000"/>
              <a:gd name="connsiteY141" fmla="*/ 1674607 h 2079137"/>
              <a:gd name="connsiteX142" fmla="*/ 4619204 w 12192000"/>
              <a:gd name="connsiteY142" fmla="*/ 1672507 h 2079137"/>
              <a:gd name="connsiteX143" fmla="*/ 4616283 w 12192000"/>
              <a:gd name="connsiteY143" fmla="*/ 1670977 h 2079137"/>
              <a:gd name="connsiteX144" fmla="*/ 4598926 w 12192000"/>
              <a:gd name="connsiteY144" fmla="*/ 1663178 h 2079137"/>
              <a:gd name="connsiteX145" fmla="*/ 4547069 w 12192000"/>
              <a:gd name="connsiteY145" fmla="*/ 1670642 h 2079137"/>
              <a:gd name="connsiteX146" fmla="*/ 4523516 w 12192000"/>
              <a:gd name="connsiteY146" fmla="*/ 1669785 h 2079137"/>
              <a:gd name="connsiteX147" fmla="*/ 4500586 w 12192000"/>
              <a:gd name="connsiteY147" fmla="*/ 1675912 h 2079137"/>
              <a:gd name="connsiteX148" fmla="*/ 4488196 w 12192000"/>
              <a:gd name="connsiteY148" fmla="*/ 1683463 h 2079137"/>
              <a:gd name="connsiteX149" fmla="*/ 4445463 w 12192000"/>
              <a:gd name="connsiteY149" fmla="*/ 1695634 h 2079137"/>
              <a:gd name="connsiteX150" fmla="*/ 4446550 w 12192000"/>
              <a:gd name="connsiteY150" fmla="*/ 1680538 h 2079137"/>
              <a:gd name="connsiteX151" fmla="*/ 4365375 w 12192000"/>
              <a:gd name="connsiteY151" fmla="*/ 1697935 h 2079137"/>
              <a:gd name="connsiteX152" fmla="*/ 4305123 w 12192000"/>
              <a:gd name="connsiteY152" fmla="*/ 1714185 h 2079137"/>
              <a:gd name="connsiteX153" fmla="*/ 4292665 w 12192000"/>
              <a:gd name="connsiteY153" fmla="*/ 1720703 h 2079137"/>
              <a:gd name="connsiteX154" fmla="*/ 4276789 w 12192000"/>
              <a:gd name="connsiteY154" fmla="*/ 1718367 h 2079137"/>
              <a:gd name="connsiteX155" fmla="*/ 4271683 w 12192000"/>
              <a:gd name="connsiteY155" fmla="*/ 1714801 h 2079137"/>
              <a:gd name="connsiteX156" fmla="*/ 4223918 w 12192000"/>
              <a:gd name="connsiteY156" fmla="*/ 1728936 h 2079137"/>
              <a:gd name="connsiteX157" fmla="*/ 4218039 w 12192000"/>
              <a:gd name="connsiteY157" fmla="*/ 1729885 h 2079137"/>
              <a:gd name="connsiteX158" fmla="*/ 4177153 w 12192000"/>
              <a:gd name="connsiteY158" fmla="*/ 1733691 h 2079137"/>
              <a:gd name="connsiteX159" fmla="*/ 4051032 w 12192000"/>
              <a:gd name="connsiteY159" fmla="*/ 1728886 h 2079137"/>
              <a:gd name="connsiteX160" fmla="*/ 4013978 w 12192000"/>
              <a:gd name="connsiteY160" fmla="*/ 1727679 h 2079137"/>
              <a:gd name="connsiteX161" fmla="*/ 3987857 w 12192000"/>
              <a:gd name="connsiteY161" fmla="*/ 1724282 h 2079137"/>
              <a:gd name="connsiteX162" fmla="*/ 3916852 w 12192000"/>
              <a:gd name="connsiteY162" fmla="*/ 1729184 h 2079137"/>
              <a:gd name="connsiteX163" fmla="*/ 3797263 w 12192000"/>
              <a:gd name="connsiteY163" fmla="*/ 1742976 h 2079137"/>
              <a:gd name="connsiteX164" fmla="*/ 3752806 w 12192000"/>
              <a:gd name="connsiteY164" fmla="*/ 1741033 h 2079137"/>
              <a:gd name="connsiteX165" fmla="*/ 3749997 w 12192000"/>
              <a:gd name="connsiteY165" fmla="*/ 1735799 h 2079137"/>
              <a:gd name="connsiteX166" fmla="*/ 3736582 w 12192000"/>
              <a:gd name="connsiteY166" fmla="*/ 1735907 h 2079137"/>
              <a:gd name="connsiteX167" fmla="*/ 3733428 w 12192000"/>
              <a:gd name="connsiteY167" fmla="*/ 1734881 h 2079137"/>
              <a:gd name="connsiteX168" fmla="*/ 3714911 w 12192000"/>
              <a:gd name="connsiteY168" fmla="*/ 1730056 h 2079137"/>
              <a:gd name="connsiteX169" fmla="*/ 3665172 w 12192000"/>
              <a:gd name="connsiteY169" fmla="*/ 1745936 h 2079137"/>
              <a:gd name="connsiteX170" fmla="*/ 3552006 w 12192000"/>
              <a:gd name="connsiteY170" fmla="*/ 1755220 h 2079137"/>
              <a:gd name="connsiteX171" fmla="*/ 3390301 w 12192000"/>
              <a:gd name="connsiteY171" fmla="*/ 1762546 h 2079137"/>
              <a:gd name="connsiteX172" fmla="*/ 3264312 w 12192000"/>
              <a:gd name="connsiteY172" fmla="*/ 1774620 h 2079137"/>
              <a:gd name="connsiteX173" fmla="*/ 3106901 w 12192000"/>
              <a:gd name="connsiteY173" fmla="*/ 1804264 h 2079137"/>
              <a:gd name="connsiteX174" fmla="*/ 2993303 w 12192000"/>
              <a:gd name="connsiteY174" fmla="*/ 1806542 h 2079137"/>
              <a:gd name="connsiteX175" fmla="*/ 2979115 w 12192000"/>
              <a:gd name="connsiteY175" fmla="*/ 1815432 h 2079137"/>
              <a:gd name="connsiteX176" fmla="*/ 2963118 w 12192000"/>
              <a:gd name="connsiteY176" fmla="*/ 1820962 h 2079137"/>
              <a:gd name="connsiteX177" fmla="*/ 2961156 w 12192000"/>
              <a:gd name="connsiteY177" fmla="*/ 1820297 h 2079137"/>
              <a:gd name="connsiteX178" fmla="*/ 2925719 w 12192000"/>
              <a:gd name="connsiteY178" fmla="*/ 1828468 h 2079137"/>
              <a:gd name="connsiteX179" fmla="*/ 2857951 w 12192000"/>
              <a:gd name="connsiteY179" fmla="*/ 1842496 h 2079137"/>
              <a:gd name="connsiteX180" fmla="*/ 2857427 w 12192000"/>
              <a:gd name="connsiteY180" fmla="*/ 1841591 h 2079137"/>
              <a:gd name="connsiteX181" fmla="*/ 2846731 w 12192000"/>
              <a:gd name="connsiteY181" fmla="*/ 1839316 h 2079137"/>
              <a:gd name="connsiteX182" fmla="*/ 2826290 w 12192000"/>
              <a:gd name="connsiteY182" fmla="*/ 1837274 h 2079137"/>
              <a:gd name="connsiteX183" fmla="*/ 2779146 w 12192000"/>
              <a:gd name="connsiteY183" fmla="*/ 1820071 h 2079137"/>
              <a:gd name="connsiteX184" fmla="*/ 2739608 w 12192000"/>
              <a:gd name="connsiteY184" fmla="*/ 1827861 h 2079137"/>
              <a:gd name="connsiteX185" fmla="*/ 2731631 w 12192000"/>
              <a:gd name="connsiteY185" fmla="*/ 1828881 h 2079137"/>
              <a:gd name="connsiteX186" fmla="*/ 2731464 w 12192000"/>
              <a:gd name="connsiteY186" fmla="*/ 1828677 h 2079137"/>
              <a:gd name="connsiteX187" fmla="*/ 2723037 w 12192000"/>
              <a:gd name="connsiteY187" fmla="*/ 1829303 h 2079137"/>
              <a:gd name="connsiteX188" fmla="*/ 2701616 w 12192000"/>
              <a:gd name="connsiteY188" fmla="*/ 1832725 h 2079137"/>
              <a:gd name="connsiteX189" fmla="*/ 2696239 w 12192000"/>
              <a:gd name="connsiteY189" fmla="*/ 1831904 h 2079137"/>
              <a:gd name="connsiteX190" fmla="*/ 2663445 w 12192000"/>
              <a:gd name="connsiteY190" fmla="*/ 1825958 h 2079137"/>
              <a:gd name="connsiteX191" fmla="*/ 2560925 w 12192000"/>
              <a:gd name="connsiteY191" fmla="*/ 1829094 h 2079137"/>
              <a:gd name="connsiteX192" fmla="*/ 2458739 w 12192000"/>
              <a:gd name="connsiteY192" fmla="*/ 1834479 h 2079137"/>
              <a:gd name="connsiteX193" fmla="*/ 2356074 w 12192000"/>
              <a:gd name="connsiteY193" fmla="*/ 1836991 h 2079137"/>
              <a:gd name="connsiteX194" fmla="*/ 2304241 w 12192000"/>
              <a:gd name="connsiteY194" fmla="*/ 1822021 h 2079137"/>
              <a:gd name="connsiteX195" fmla="*/ 2298362 w 12192000"/>
              <a:gd name="connsiteY195" fmla="*/ 1822125 h 2079137"/>
              <a:gd name="connsiteX196" fmla="*/ 2283527 w 12192000"/>
              <a:gd name="connsiteY196" fmla="*/ 1826361 h 2079137"/>
              <a:gd name="connsiteX197" fmla="*/ 2278150 w 12192000"/>
              <a:gd name="connsiteY197" fmla="*/ 1828604 h 2079137"/>
              <a:gd name="connsiteX198" fmla="*/ 2269853 w 12192000"/>
              <a:gd name="connsiteY198" fmla="*/ 1830502 h 2079137"/>
              <a:gd name="connsiteX199" fmla="*/ 2269585 w 12192000"/>
              <a:gd name="connsiteY199" fmla="*/ 1830341 h 2079137"/>
              <a:gd name="connsiteX200" fmla="*/ 2225332 w 12192000"/>
              <a:gd name="connsiteY200" fmla="*/ 1845825 h 2079137"/>
              <a:gd name="connsiteX201" fmla="*/ 2169048 w 12192000"/>
              <a:gd name="connsiteY201" fmla="*/ 1837658 h 2079137"/>
              <a:gd name="connsiteX202" fmla="*/ 2147231 w 12192000"/>
              <a:gd name="connsiteY202" fmla="*/ 1839027 h 2079137"/>
              <a:gd name="connsiteX203" fmla="*/ 2135241 w 12192000"/>
              <a:gd name="connsiteY203" fmla="*/ 1838652 h 2079137"/>
              <a:gd name="connsiteX204" fmla="*/ 2099215 w 12192000"/>
              <a:gd name="connsiteY204" fmla="*/ 1850768 h 2079137"/>
              <a:gd name="connsiteX205" fmla="*/ 2094046 w 12192000"/>
              <a:gd name="connsiteY205" fmla="*/ 1850806 h 2079137"/>
              <a:gd name="connsiteX206" fmla="*/ 2071850 w 12192000"/>
              <a:gd name="connsiteY206" fmla="*/ 1861319 h 2079137"/>
              <a:gd name="connsiteX207" fmla="*/ 2039607 w 12192000"/>
              <a:gd name="connsiteY207" fmla="*/ 1874318 h 2079137"/>
              <a:gd name="connsiteX208" fmla="*/ 2037289 w 12192000"/>
              <a:gd name="connsiteY208" fmla="*/ 1874025 h 2079137"/>
              <a:gd name="connsiteX209" fmla="*/ 2023615 w 12192000"/>
              <a:gd name="connsiteY209" fmla="*/ 1881562 h 2079137"/>
              <a:gd name="connsiteX210" fmla="*/ 1957176 w 12192000"/>
              <a:gd name="connsiteY210" fmla="*/ 1898709 h 2079137"/>
              <a:gd name="connsiteX211" fmla="*/ 1858081 w 12192000"/>
              <a:gd name="connsiteY211" fmla="*/ 1923144 h 2079137"/>
              <a:gd name="connsiteX212" fmla="*/ 1738865 w 12192000"/>
              <a:gd name="connsiteY212" fmla="*/ 1944965 h 2079137"/>
              <a:gd name="connsiteX213" fmla="*/ 1616692 w 12192000"/>
              <a:gd name="connsiteY213" fmla="*/ 1989107 h 2079137"/>
              <a:gd name="connsiteX214" fmla="*/ 1411898 w 12192000"/>
              <a:gd name="connsiteY214" fmla="*/ 2046254 h 2079137"/>
              <a:gd name="connsiteX215" fmla="*/ 1375780 w 12192000"/>
              <a:gd name="connsiteY215" fmla="*/ 2047961 h 2079137"/>
              <a:gd name="connsiteX216" fmla="*/ 1375707 w 12192000"/>
              <a:gd name="connsiteY216" fmla="*/ 2047981 h 2079137"/>
              <a:gd name="connsiteX217" fmla="*/ 1285585 w 12192000"/>
              <a:gd name="connsiteY217" fmla="*/ 2047113 h 2079137"/>
              <a:gd name="connsiteX218" fmla="*/ 1263658 w 12192000"/>
              <a:gd name="connsiteY218" fmla="*/ 2041397 h 2079137"/>
              <a:gd name="connsiteX219" fmla="*/ 1170403 w 12192000"/>
              <a:gd name="connsiteY219" fmla="*/ 2033399 h 2079137"/>
              <a:gd name="connsiteX220" fmla="*/ 1153718 w 12192000"/>
              <a:gd name="connsiteY220" fmla="*/ 2029576 h 2079137"/>
              <a:gd name="connsiteX221" fmla="*/ 1133937 w 12192000"/>
              <a:gd name="connsiteY221" fmla="*/ 2032149 h 2079137"/>
              <a:gd name="connsiteX222" fmla="*/ 1054999 w 12192000"/>
              <a:gd name="connsiteY222" fmla="*/ 2043242 h 2079137"/>
              <a:gd name="connsiteX223" fmla="*/ 1018405 w 12192000"/>
              <a:gd name="connsiteY223" fmla="*/ 2048281 h 2079137"/>
              <a:gd name="connsiteX224" fmla="*/ 1016563 w 12192000"/>
              <a:gd name="connsiteY224" fmla="*/ 2051718 h 2079137"/>
              <a:gd name="connsiteX225" fmla="*/ 1008284 w 12192000"/>
              <a:gd name="connsiteY225" fmla="*/ 2046742 h 2079137"/>
              <a:gd name="connsiteX226" fmla="*/ 981974 w 12192000"/>
              <a:gd name="connsiteY226" fmla="*/ 2048363 h 2079137"/>
              <a:gd name="connsiteX227" fmla="*/ 971903 w 12192000"/>
              <a:gd name="connsiteY227" fmla="*/ 2053484 h 2079137"/>
              <a:gd name="connsiteX228" fmla="*/ 954015 w 12192000"/>
              <a:gd name="connsiteY228" fmla="*/ 2052529 h 2079137"/>
              <a:gd name="connsiteX229" fmla="*/ 839571 w 12192000"/>
              <a:gd name="connsiteY229" fmla="*/ 2046509 h 2079137"/>
              <a:gd name="connsiteX230" fmla="*/ 823321 w 12192000"/>
              <a:gd name="connsiteY230" fmla="*/ 2054296 h 2079137"/>
              <a:gd name="connsiteX231" fmla="*/ 800990 w 12192000"/>
              <a:gd name="connsiteY231" fmla="*/ 2051523 h 2079137"/>
              <a:gd name="connsiteX232" fmla="*/ 776439 w 12192000"/>
              <a:gd name="connsiteY232" fmla="*/ 2062634 h 2079137"/>
              <a:gd name="connsiteX233" fmla="*/ 763041 w 12192000"/>
              <a:gd name="connsiteY233" fmla="*/ 2063995 h 2079137"/>
              <a:gd name="connsiteX234" fmla="*/ 757863 w 12192000"/>
              <a:gd name="connsiteY234" fmla="*/ 2065877 h 2079137"/>
              <a:gd name="connsiteX235" fmla="*/ 745053 w 12192000"/>
              <a:gd name="connsiteY235" fmla="*/ 2051831 h 2079137"/>
              <a:gd name="connsiteX236" fmla="*/ 722609 w 12192000"/>
              <a:gd name="connsiteY236" fmla="*/ 2049504 h 2079137"/>
              <a:gd name="connsiteX237" fmla="*/ 717618 w 12192000"/>
              <a:gd name="connsiteY237" fmla="*/ 2042131 h 2079137"/>
              <a:gd name="connsiteX238" fmla="*/ 703285 w 12192000"/>
              <a:gd name="connsiteY238" fmla="*/ 2046808 h 2079137"/>
              <a:gd name="connsiteX239" fmla="*/ 680199 w 12192000"/>
              <a:gd name="connsiteY239" fmla="*/ 2051947 h 2079137"/>
              <a:gd name="connsiteX240" fmla="*/ 667351 w 12192000"/>
              <a:gd name="connsiteY240" fmla="*/ 2054469 h 2079137"/>
              <a:gd name="connsiteX241" fmla="*/ 660961 w 12192000"/>
              <a:gd name="connsiteY241" fmla="*/ 2049404 h 2079137"/>
              <a:gd name="connsiteX242" fmla="*/ 638282 w 12192000"/>
              <a:gd name="connsiteY242" fmla="*/ 2060093 h 2079137"/>
              <a:gd name="connsiteX243" fmla="*/ 583551 w 12192000"/>
              <a:gd name="connsiteY243" fmla="*/ 2070197 h 2079137"/>
              <a:gd name="connsiteX244" fmla="*/ 525274 w 12192000"/>
              <a:gd name="connsiteY244" fmla="*/ 2079137 h 2079137"/>
              <a:gd name="connsiteX245" fmla="*/ 405635 w 12192000"/>
              <a:gd name="connsiteY245" fmla="*/ 2059339 h 2079137"/>
              <a:gd name="connsiteX246" fmla="*/ 281555 w 12192000"/>
              <a:gd name="connsiteY246" fmla="*/ 2022847 h 2079137"/>
              <a:gd name="connsiteX247" fmla="*/ 98513 w 12192000"/>
              <a:gd name="connsiteY247" fmla="*/ 1969504 h 2079137"/>
              <a:gd name="connsiteX248" fmla="*/ 56191 w 12192000"/>
              <a:gd name="connsiteY248" fmla="*/ 1950709 h 2079137"/>
              <a:gd name="connsiteX249" fmla="*/ 0 w 12192000"/>
              <a:gd name="connsiteY249" fmla="*/ 1935789 h 2079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Lst>
            <a:rect l="l" t="t" r="r" b="b"/>
            <a:pathLst>
              <a:path w="12192000" h="2079137">
                <a:moveTo>
                  <a:pt x="12160143" y="831692"/>
                </a:moveTo>
                <a:lnTo>
                  <a:pt x="12159112" y="833361"/>
                </a:lnTo>
                <a:cubicBezTo>
                  <a:pt x="12157915" y="833832"/>
                  <a:pt x="12157402" y="833649"/>
                  <a:pt x="12158912" y="832430"/>
                </a:cubicBezTo>
                <a:close/>
                <a:moveTo>
                  <a:pt x="0" y="0"/>
                </a:moveTo>
                <a:lnTo>
                  <a:pt x="12192000" y="0"/>
                </a:lnTo>
                <a:lnTo>
                  <a:pt x="12192000" y="558063"/>
                </a:lnTo>
                <a:lnTo>
                  <a:pt x="12189259" y="810508"/>
                </a:lnTo>
                <a:lnTo>
                  <a:pt x="12170847" y="825280"/>
                </a:lnTo>
                <a:lnTo>
                  <a:pt x="12160143" y="831692"/>
                </a:lnTo>
                <a:lnTo>
                  <a:pt x="12163806" y="825759"/>
                </a:lnTo>
                <a:cubicBezTo>
                  <a:pt x="12125449" y="821525"/>
                  <a:pt x="12082203" y="824698"/>
                  <a:pt x="12056557" y="810176"/>
                </a:cubicBezTo>
                <a:cubicBezTo>
                  <a:pt x="12050902" y="790976"/>
                  <a:pt x="11923731" y="799312"/>
                  <a:pt x="11900316" y="789618"/>
                </a:cubicBezTo>
                <a:cubicBezTo>
                  <a:pt x="11841702" y="803374"/>
                  <a:pt x="11823963" y="832645"/>
                  <a:pt x="11791206" y="824176"/>
                </a:cubicBezTo>
                <a:cubicBezTo>
                  <a:pt x="11768977" y="817380"/>
                  <a:pt x="11683857" y="828947"/>
                  <a:pt x="11659257" y="800841"/>
                </a:cubicBezTo>
                <a:cubicBezTo>
                  <a:pt x="11617173" y="818107"/>
                  <a:pt x="11602556" y="790694"/>
                  <a:pt x="11569789" y="797135"/>
                </a:cubicBezTo>
                <a:cubicBezTo>
                  <a:pt x="11498310" y="795094"/>
                  <a:pt x="11458472" y="819882"/>
                  <a:pt x="11367885" y="791985"/>
                </a:cubicBezTo>
                <a:cubicBezTo>
                  <a:pt x="11325508" y="798158"/>
                  <a:pt x="11266580" y="755023"/>
                  <a:pt x="11174663" y="788721"/>
                </a:cubicBezTo>
                <a:cubicBezTo>
                  <a:pt x="11122703" y="792192"/>
                  <a:pt x="11150009" y="775410"/>
                  <a:pt x="11068220" y="786994"/>
                </a:cubicBezTo>
                <a:cubicBezTo>
                  <a:pt x="11046931" y="759861"/>
                  <a:pt x="10919185" y="793102"/>
                  <a:pt x="10893266" y="794013"/>
                </a:cubicBezTo>
                <a:cubicBezTo>
                  <a:pt x="10874184" y="776189"/>
                  <a:pt x="10862860" y="788743"/>
                  <a:pt x="10844025" y="789857"/>
                </a:cubicBezTo>
                <a:cubicBezTo>
                  <a:pt x="10836453" y="779294"/>
                  <a:pt x="10820690" y="778184"/>
                  <a:pt x="10814353" y="789010"/>
                </a:cubicBezTo>
                <a:cubicBezTo>
                  <a:pt x="10819669" y="816016"/>
                  <a:pt x="10754019" y="789067"/>
                  <a:pt x="10748393" y="806738"/>
                </a:cubicBezTo>
                <a:cubicBezTo>
                  <a:pt x="10687156" y="807873"/>
                  <a:pt x="10550299" y="781800"/>
                  <a:pt x="10468256" y="778733"/>
                </a:cubicBezTo>
                <a:cubicBezTo>
                  <a:pt x="10436666" y="770025"/>
                  <a:pt x="10371995" y="797252"/>
                  <a:pt x="10256131" y="788332"/>
                </a:cubicBezTo>
                <a:cubicBezTo>
                  <a:pt x="10240995" y="781626"/>
                  <a:pt x="10182664" y="765742"/>
                  <a:pt x="10177442" y="777371"/>
                </a:cubicBezTo>
                <a:cubicBezTo>
                  <a:pt x="10141447" y="775683"/>
                  <a:pt x="10030323" y="810071"/>
                  <a:pt x="10006086" y="792651"/>
                </a:cubicBezTo>
                <a:cubicBezTo>
                  <a:pt x="10009448" y="818833"/>
                  <a:pt x="9960389" y="791426"/>
                  <a:pt x="9952382" y="815411"/>
                </a:cubicBezTo>
                <a:lnTo>
                  <a:pt x="9926457" y="827295"/>
                </a:lnTo>
                <a:lnTo>
                  <a:pt x="9843405" y="867046"/>
                </a:lnTo>
                <a:lnTo>
                  <a:pt x="9830866" y="875047"/>
                </a:lnTo>
                <a:lnTo>
                  <a:pt x="9801807" y="872272"/>
                </a:lnTo>
                <a:lnTo>
                  <a:pt x="9785653" y="861743"/>
                </a:lnTo>
                <a:lnTo>
                  <a:pt x="9781177" y="864820"/>
                </a:lnTo>
                <a:cubicBezTo>
                  <a:pt x="9776153" y="871003"/>
                  <a:pt x="9773556" y="874842"/>
                  <a:pt x="9768640" y="869379"/>
                </a:cubicBezTo>
                <a:lnTo>
                  <a:pt x="9712211" y="900283"/>
                </a:lnTo>
                <a:cubicBezTo>
                  <a:pt x="9706243" y="902750"/>
                  <a:pt x="9698952" y="902954"/>
                  <a:pt x="9689465" y="899268"/>
                </a:cubicBezTo>
                <a:cubicBezTo>
                  <a:pt x="9670819" y="902906"/>
                  <a:pt x="9618108" y="917739"/>
                  <a:pt x="9600339" y="922112"/>
                </a:cubicBezTo>
                <a:lnTo>
                  <a:pt x="9582850" y="925510"/>
                </a:lnTo>
                <a:cubicBezTo>
                  <a:pt x="9574400" y="928631"/>
                  <a:pt x="9556868" y="938130"/>
                  <a:pt x="9549638" y="940845"/>
                </a:cubicBezTo>
                <a:cubicBezTo>
                  <a:pt x="9543792" y="942327"/>
                  <a:pt x="9546812" y="939351"/>
                  <a:pt x="9539471" y="941799"/>
                </a:cubicBezTo>
                <a:cubicBezTo>
                  <a:pt x="9538994" y="947702"/>
                  <a:pt x="9536009" y="953248"/>
                  <a:pt x="9505592" y="955533"/>
                </a:cubicBezTo>
                <a:cubicBezTo>
                  <a:pt x="9486013" y="968563"/>
                  <a:pt x="9460860" y="978842"/>
                  <a:pt x="9432569" y="985377"/>
                </a:cubicBezTo>
                <a:cubicBezTo>
                  <a:pt x="9426990" y="980335"/>
                  <a:pt x="9418918" y="990185"/>
                  <a:pt x="9414216" y="992655"/>
                </a:cubicBezTo>
                <a:cubicBezTo>
                  <a:pt x="9412644" y="989014"/>
                  <a:pt x="9400057" y="989255"/>
                  <a:pt x="9397106" y="992980"/>
                </a:cubicBezTo>
                <a:cubicBezTo>
                  <a:pt x="9314093" y="1020862"/>
                  <a:pt x="9349678" y="978420"/>
                  <a:pt x="9305108" y="1007767"/>
                </a:cubicBezTo>
                <a:cubicBezTo>
                  <a:pt x="9296670" y="1010324"/>
                  <a:pt x="9289251" y="1009612"/>
                  <a:pt x="9282434" y="1007523"/>
                </a:cubicBezTo>
                <a:lnTo>
                  <a:pt x="9271941" y="1002839"/>
                </a:lnTo>
                <a:lnTo>
                  <a:pt x="9238227" y="1017668"/>
                </a:lnTo>
                <a:cubicBezTo>
                  <a:pt x="9221294" y="1023415"/>
                  <a:pt x="9203166" y="1027997"/>
                  <a:pt x="9184265" y="1031275"/>
                </a:cubicBezTo>
                <a:cubicBezTo>
                  <a:pt x="9178371" y="1024135"/>
                  <a:pt x="9165618" y="1036637"/>
                  <a:pt x="9159000" y="1039569"/>
                </a:cubicBezTo>
                <a:cubicBezTo>
                  <a:pt x="9157881" y="1034602"/>
                  <a:pt x="9141725" y="1033964"/>
                  <a:pt x="9137031" y="1038699"/>
                </a:cubicBezTo>
                <a:cubicBezTo>
                  <a:pt x="9023973" y="1069523"/>
                  <a:pt x="9079946" y="1015706"/>
                  <a:pt x="9015702" y="1051400"/>
                </a:cubicBezTo>
                <a:lnTo>
                  <a:pt x="8971403" y="1040542"/>
                </a:lnTo>
                <a:lnTo>
                  <a:pt x="8961826" y="1045364"/>
                </a:lnTo>
                <a:cubicBezTo>
                  <a:pt x="8922837" y="1050010"/>
                  <a:pt x="8909116" y="1040754"/>
                  <a:pt x="8888623" y="1053908"/>
                </a:cubicBezTo>
                <a:cubicBezTo>
                  <a:pt x="8850424" y="1035587"/>
                  <a:pt x="8865892" y="1054194"/>
                  <a:pt x="8841066" y="1060421"/>
                </a:cubicBezTo>
                <a:cubicBezTo>
                  <a:pt x="8818353" y="1064878"/>
                  <a:pt x="8775995" y="1076068"/>
                  <a:pt x="8752342" y="1080646"/>
                </a:cubicBezTo>
                <a:cubicBezTo>
                  <a:pt x="8736966" y="1099406"/>
                  <a:pt x="8723186" y="1079948"/>
                  <a:pt x="8699139" y="1087885"/>
                </a:cubicBezTo>
                <a:cubicBezTo>
                  <a:pt x="8688630" y="1095506"/>
                  <a:pt x="8680324" y="1097539"/>
                  <a:pt x="8667273" y="1092062"/>
                </a:cubicBezTo>
                <a:cubicBezTo>
                  <a:pt x="8619205" y="1128818"/>
                  <a:pt x="8634590" y="1097116"/>
                  <a:pt x="8586064" y="1114603"/>
                </a:cubicBezTo>
                <a:cubicBezTo>
                  <a:pt x="8544721" y="1131913"/>
                  <a:pt x="8496602" y="1145520"/>
                  <a:pt x="8460312" y="1179878"/>
                </a:cubicBezTo>
                <a:cubicBezTo>
                  <a:pt x="8454266" y="1189140"/>
                  <a:pt x="8435781" y="1194455"/>
                  <a:pt x="8419023" y="1191748"/>
                </a:cubicBezTo>
                <a:cubicBezTo>
                  <a:pt x="8416138" y="1191283"/>
                  <a:pt x="8413416" y="1190591"/>
                  <a:pt x="8410939" y="1189696"/>
                </a:cubicBezTo>
                <a:cubicBezTo>
                  <a:pt x="8390077" y="1213458"/>
                  <a:pt x="8370324" y="1205397"/>
                  <a:pt x="8362040" y="1220820"/>
                </a:cubicBezTo>
                <a:cubicBezTo>
                  <a:pt x="8320616" y="1231942"/>
                  <a:pt x="8281663" y="1222882"/>
                  <a:pt x="8273677" y="1236495"/>
                </a:cubicBezTo>
                <a:cubicBezTo>
                  <a:pt x="8251358" y="1238573"/>
                  <a:pt x="8216738" y="1228341"/>
                  <a:pt x="8204283" y="1243537"/>
                </a:cubicBezTo>
                <a:cubicBezTo>
                  <a:pt x="8198634" y="1233135"/>
                  <a:pt x="8181550" y="1254947"/>
                  <a:pt x="8166550" y="1249551"/>
                </a:cubicBezTo>
                <a:cubicBezTo>
                  <a:pt x="8155570" y="1244572"/>
                  <a:pt x="8147825" y="1250027"/>
                  <a:pt x="8137785" y="1251636"/>
                </a:cubicBezTo>
                <a:cubicBezTo>
                  <a:pt x="8123427" y="1248361"/>
                  <a:pt x="8081662" y="1261833"/>
                  <a:pt x="8071596" y="1269274"/>
                </a:cubicBezTo>
                <a:cubicBezTo>
                  <a:pt x="8048949" y="1293759"/>
                  <a:pt x="7983924" y="1284712"/>
                  <a:pt x="7964816" y="1303668"/>
                </a:cubicBezTo>
                <a:cubicBezTo>
                  <a:pt x="7957137" y="1306992"/>
                  <a:pt x="7949335" y="1308861"/>
                  <a:pt x="7941495" y="1309821"/>
                </a:cubicBezTo>
                <a:lnTo>
                  <a:pt x="7919123" y="1310466"/>
                </a:lnTo>
                <a:lnTo>
                  <a:pt x="7911902" y="1306569"/>
                </a:lnTo>
                <a:lnTo>
                  <a:pt x="7898703" y="1309208"/>
                </a:lnTo>
                <a:lnTo>
                  <a:pt x="7894703" y="1308939"/>
                </a:lnTo>
                <a:lnTo>
                  <a:pt x="7872267" y="1308370"/>
                </a:lnTo>
                <a:cubicBezTo>
                  <a:pt x="7886550" y="1330359"/>
                  <a:pt x="7812648" y="1314851"/>
                  <a:pt x="7836454" y="1331265"/>
                </a:cubicBezTo>
                <a:cubicBezTo>
                  <a:pt x="7798907" y="1336933"/>
                  <a:pt x="7831419" y="1351068"/>
                  <a:pt x="7782451" y="1339601"/>
                </a:cubicBezTo>
                <a:cubicBezTo>
                  <a:pt x="7727636" y="1365002"/>
                  <a:pt x="7583002" y="1338768"/>
                  <a:pt x="7542969" y="1372495"/>
                </a:cubicBezTo>
                <a:cubicBezTo>
                  <a:pt x="7546396" y="1360942"/>
                  <a:pt x="7492851" y="1424323"/>
                  <a:pt x="7476832" y="1431655"/>
                </a:cubicBezTo>
                <a:cubicBezTo>
                  <a:pt x="7439619" y="1443703"/>
                  <a:pt x="7425596" y="1454661"/>
                  <a:pt x="7370237" y="1474339"/>
                </a:cubicBezTo>
                <a:cubicBezTo>
                  <a:pt x="7316246" y="1485928"/>
                  <a:pt x="7281903" y="1512712"/>
                  <a:pt x="7222223" y="1510199"/>
                </a:cubicBezTo>
                <a:cubicBezTo>
                  <a:pt x="7221190" y="1514030"/>
                  <a:pt x="7218885" y="1517398"/>
                  <a:pt x="7215703" y="1520424"/>
                </a:cubicBezTo>
                <a:lnTo>
                  <a:pt x="7204548" y="1528145"/>
                </a:lnTo>
                <a:lnTo>
                  <a:pt x="7202038" y="1527954"/>
                </a:lnTo>
                <a:lnTo>
                  <a:pt x="7173860" y="1541605"/>
                </a:lnTo>
                <a:lnTo>
                  <a:pt x="7155079" y="1552495"/>
                </a:lnTo>
                <a:lnTo>
                  <a:pt x="7149757" y="1552732"/>
                </a:lnTo>
                <a:cubicBezTo>
                  <a:pt x="7141378" y="1554948"/>
                  <a:pt x="7115959" y="1563256"/>
                  <a:pt x="7104804" y="1565792"/>
                </a:cubicBezTo>
                <a:cubicBezTo>
                  <a:pt x="7099811" y="1550850"/>
                  <a:pt x="7096935" y="1561973"/>
                  <a:pt x="7082824" y="1567947"/>
                </a:cubicBezTo>
                <a:cubicBezTo>
                  <a:pt x="7071919" y="1546070"/>
                  <a:pt x="7039417" y="1570606"/>
                  <a:pt x="7021520" y="1562334"/>
                </a:cubicBezTo>
                <a:cubicBezTo>
                  <a:pt x="7011400" y="1567217"/>
                  <a:pt x="7000495" y="1571981"/>
                  <a:pt x="6988956" y="1576442"/>
                </a:cubicBezTo>
                <a:lnTo>
                  <a:pt x="6981922" y="1578821"/>
                </a:lnTo>
                <a:lnTo>
                  <a:pt x="6981583" y="1578678"/>
                </a:lnTo>
                <a:cubicBezTo>
                  <a:pt x="6979627" y="1578791"/>
                  <a:pt x="6977153" y="1579421"/>
                  <a:pt x="6973762" y="1580811"/>
                </a:cubicBezTo>
                <a:lnTo>
                  <a:pt x="6969093" y="1583157"/>
                </a:lnTo>
                <a:lnTo>
                  <a:pt x="6890037" y="1575825"/>
                </a:lnTo>
                <a:cubicBezTo>
                  <a:pt x="6849459" y="1579997"/>
                  <a:pt x="6820022" y="1566922"/>
                  <a:pt x="6785054" y="1582200"/>
                </a:cubicBezTo>
                <a:cubicBezTo>
                  <a:pt x="6747047" y="1586037"/>
                  <a:pt x="6712794" y="1582954"/>
                  <a:pt x="6681692" y="1591296"/>
                </a:cubicBezTo>
                <a:cubicBezTo>
                  <a:pt x="6667557" y="1587501"/>
                  <a:pt x="6654822" y="1586753"/>
                  <a:pt x="6644556" y="1595940"/>
                </a:cubicBezTo>
                <a:cubicBezTo>
                  <a:pt x="6608615" y="1597269"/>
                  <a:pt x="6597697" y="1587005"/>
                  <a:pt x="6577106" y="1598261"/>
                </a:cubicBezTo>
                <a:lnTo>
                  <a:pt x="6544183" y="1596149"/>
                </a:lnTo>
                <a:lnTo>
                  <a:pt x="6540921" y="1593857"/>
                </a:lnTo>
                <a:lnTo>
                  <a:pt x="6535046" y="1593283"/>
                </a:lnTo>
                <a:lnTo>
                  <a:pt x="6519853" y="1595771"/>
                </a:lnTo>
                <a:lnTo>
                  <a:pt x="6514280" y="1597376"/>
                </a:lnTo>
                <a:cubicBezTo>
                  <a:pt x="6510385" y="1598232"/>
                  <a:pt x="6507735" y="1598481"/>
                  <a:pt x="6505824" y="1598298"/>
                </a:cubicBezTo>
                <a:lnTo>
                  <a:pt x="6505573" y="1598109"/>
                </a:lnTo>
                <a:lnTo>
                  <a:pt x="6497741" y="1599392"/>
                </a:lnTo>
                <a:cubicBezTo>
                  <a:pt x="6484628" y="1602044"/>
                  <a:pt x="6471968" y="1605085"/>
                  <a:pt x="6459992" y="1608358"/>
                </a:cubicBezTo>
                <a:cubicBezTo>
                  <a:pt x="6447037" y="1597612"/>
                  <a:pt x="6404274" y="1616787"/>
                  <a:pt x="6404572" y="1593771"/>
                </a:cubicBezTo>
                <a:cubicBezTo>
                  <a:pt x="6388277" y="1597519"/>
                  <a:pt x="6380141" y="1607970"/>
                  <a:pt x="6382671" y="1592612"/>
                </a:cubicBezTo>
                <a:lnTo>
                  <a:pt x="6369843" y="1590015"/>
                </a:lnTo>
                <a:lnTo>
                  <a:pt x="6269740" y="1614633"/>
                </a:lnTo>
                <a:lnTo>
                  <a:pt x="6255405" y="1620529"/>
                </a:lnTo>
                <a:cubicBezTo>
                  <a:pt x="6250911" y="1623016"/>
                  <a:pt x="6247090" y="1625968"/>
                  <a:pt x="6244248" y="1629561"/>
                </a:cubicBezTo>
                <a:cubicBezTo>
                  <a:pt x="6188859" y="1618246"/>
                  <a:pt x="6143250" y="1639346"/>
                  <a:pt x="6086396" y="1642666"/>
                </a:cubicBezTo>
                <a:cubicBezTo>
                  <a:pt x="6024311" y="1653696"/>
                  <a:pt x="5889522" y="1686499"/>
                  <a:pt x="5867429" y="1695554"/>
                </a:cubicBezTo>
                <a:cubicBezTo>
                  <a:pt x="5848669" y="1700350"/>
                  <a:pt x="5763994" y="1699795"/>
                  <a:pt x="5772864" y="1689002"/>
                </a:cubicBezTo>
                <a:cubicBezTo>
                  <a:pt x="5718480" y="1716048"/>
                  <a:pt x="5694188" y="1696562"/>
                  <a:pt x="5629833" y="1713273"/>
                </a:cubicBezTo>
                <a:lnTo>
                  <a:pt x="5504771" y="1725744"/>
                </a:lnTo>
                <a:lnTo>
                  <a:pt x="5490967" y="1726367"/>
                </a:lnTo>
                <a:lnTo>
                  <a:pt x="5486015" y="1721481"/>
                </a:lnTo>
                <a:lnTo>
                  <a:pt x="5439364" y="1721349"/>
                </a:lnTo>
                <a:cubicBezTo>
                  <a:pt x="5418850" y="1733129"/>
                  <a:pt x="5381503" y="1725668"/>
                  <a:pt x="5350025" y="1729885"/>
                </a:cubicBezTo>
                <a:lnTo>
                  <a:pt x="5336104" y="1734377"/>
                </a:lnTo>
                <a:lnTo>
                  <a:pt x="5245234" y="1738520"/>
                </a:lnTo>
                <a:lnTo>
                  <a:pt x="5182955" y="1744622"/>
                </a:lnTo>
                <a:lnTo>
                  <a:pt x="5169506" y="1748993"/>
                </a:lnTo>
                <a:lnTo>
                  <a:pt x="5154299" y="1744080"/>
                </a:lnTo>
                <a:cubicBezTo>
                  <a:pt x="5152463" y="1742751"/>
                  <a:pt x="5150989" y="1741283"/>
                  <a:pt x="5149917" y="1739727"/>
                </a:cubicBezTo>
                <a:lnTo>
                  <a:pt x="5100319" y="1745797"/>
                </a:lnTo>
                <a:lnTo>
                  <a:pt x="5094361" y="1745767"/>
                </a:lnTo>
                <a:lnTo>
                  <a:pt x="5053410" y="1742790"/>
                </a:lnTo>
                <a:lnTo>
                  <a:pt x="4992711" y="1734075"/>
                </a:lnTo>
                <a:cubicBezTo>
                  <a:pt x="4972764" y="1728527"/>
                  <a:pt x="4955480" y="1708667"/>
                  <a:pt x="4930098" y="1717312"/>
                </a:cubicBezTo>
                <a:cubicBezTo>
                  <a:pt x="4936142" y="1706767"/>
                  <a:pt x="4900350" y="1719438"/>
                  <a:pt x="4893834" y="1710028"/>
                </a:cubicBezTo>
                <a:cubicBezTo>
                  <a:pt x="4890113" y="1702277"/>
                  <a:pt x="4878389" y="1704314"/>
                  <a:pt x="4868730" y="1702384"/>
                </a:cubicBezTo>
                <a:cubicBezTo>
                  <a:pt x="4860577" y="1694955"/>
                  <a:pt x="4813519" y="1692594"/>
                  <a:pt x="4797925" y="1695535"/>
                </a:cubicBezTo>
                <a:cubicBezTo>
                  <a:pt x="4754973" y="1708626"/>
                  <a:pt x="4712186" y="1679830"/>
                  <a:pt x="4677670" y="1689453"/>
                </a:cubicBezTo>
                <a:cubicBezTo>
                  <a:pt x="4650390" y="1686902"/>
                  <a:pt x="4641786" y="1682702"/>
                  <a:pt x="4634248" y="1680227"/>
                </a:cubicBezTo>
                <a:lnTo>
                  <a:pt x="4632434" y="1674607"/>
                </a:lnTo>
                <a:lnTo>
                  <a:pt x="4619204" y="1672507"/>
                </a:lnTo>
                <a:lnTo>
                  <a:pt x="4616283" y="1670977"/>
                </a:lnTo>
                <a:cubicBezTo>
                  <a:pt x="4610716" y="1668036"/>
                  <a:pt x="4605090" y="1665277"/>
                  <a:pt x="4598926" y="1663178"/>
                </a:cubicBezTo>
                <a:cubicBezTo>
                  <a:pt x="4588025" y="1686237"/>
                  <a:pt x="4544698" y="1649138"/>
                  <a:pt x="4547069" y="1670642"/>
                </a:cubicBezTo>
                <a:lnTo>
                  <a:pt x="4523516" y="1669785"/>
                </a:lnTo>
                <a:lnTo>
                  <a:pt x="4500586" y="1675912"/>
                </a:lnTo>
                <a:lnTo>
                  <a:pt x="4488196" y="1683463"/>
                </a:lnTo>
                <a:lnTo>
                  <a:pt x="4445463" y="1695634"/>
                </a:lnTo>
                <a:lnTo>
                  <a:pt x="4446550" y="1680538"/>
                </a:lnTo>
                <a:lnTo>
                  <a:pt x="4365375" y="1697935"/>
                </a:lnTo>
                <a:lnTo>
                  <a:pt x="4305123" y="1714185"/>
                </a:lnTo>
                <a:lnTo>
                  <a:pt x="4292665" y="1720703"/>
                </a:lnTo>
                <a:lnTo>
                  <a:pt x="4276789" y="1718367"/>
                </a:lnTo>
                <a:cubicBezTo>
                  <a:pt x="4274740" y="1717359"/>
                  <a:pt x="4273021" y="1716157"/>
                  <a:pt x="4271683" y="1714801"/>
                </a:cubicBezTo>
                <a:lnTo>
                  <a:pt x="4223918" y="1728936"/>
                </a:lnTo>
                <a:lnTo>
                  <a:pt x="4218039" y="1729885"/>
                </a:lnTo>
                <a:lnTo>
                  <a:pt x="4177153" y="1733691"/>
                </a:lnTo>
                <a:lnTo>
                  <a:pt x="4051032" y="1728886"/>
                </a:lnTo>
                <a:cubicBezTo>
                  <a:pt x="4055072" y="1717510"/>
                  <a:pt x="4022108" y="1735873"/>
                  <a:pt x="4013978" y="1727679"/>
                </a:cubicBezTo>
                <a:cubicBezTo>
                  <a:pt x="4008905" y="1720660"/>
                  <a:pt x="3997723" y="1724594"/>
                  <a:pt x="3987857" y="1724282"/>
                </a:cubicBezTo>
                <a:cubicBezTo>
                  <a:pt x="3978476" y="1718309"/>
                  <a:pt x="3931683" y="1723723"/>
                  <a:pt x="3916852" y="1729184"/>
                </a:cubicBezTo>
                <a:cubicBezTo>
                  <a:pt x="3876910" y="1749138"/>
                  <a:pt x="3829523" y="1727824"/>
                  <a:pt x="3797263" y="1742976"/>
                </a:cubicBezTo>
                <a:cubicBezTo>
                  <a:pt x="3769922" y="1744951"/>
                  <a:pt x="3760682" y="1742230"/>
                  <a:pt x="3752806" y="1741033"/>
                </a:cubicBezTo>
                <a:lnTo>
                  <a:pt x="3749997" y="1735799"/>
                </a:lnTo>
                <a:lnTo>
                  <a:pt x="3736582" y="1735907"/>
                </a:lnTo>
                <a:lnTo>
                  <a:pt x="3733428" y="1734881"/>
                </a:lnTo>
                <a:cubicBezTo>
                  <a:pt x="3727408" y="1732899"/>
                  <a:pt x="3721365" y="1731108"/>
                  <a:pt x="3714911" y="1730056"/>
                </a:cubicBezTo>
                <a:cubicBezTo>
                  <a:pt x="3708355" y="1754554"/>
                  <a:pt x="3658933" y="1725152"/>
                  <a:pt x="3665172" y="1745936"/>
                </a:cubicBezTo>
                <a:cubicBezTo>
                  <a:pt x="3628569" y="1744420"/>
                  <a:pt x="3583742" y="1775884"/>
                  <a:pt x="3552006" y="1755220"/>
                </a:cubicBezTo>
                <a:cubicBezTo>
                  <a:pt x="3497522" y="1758390"/>
                  <a:pt x="3448310" y="1757433"/>
                  <a:pt x="3390301" y="1762546"/>
                </a:cubicBezTo>
                <a:cubicBezTo>
                  <a:pt x="3345266" y="1774524"/>
                  <a:pt x="3297039" y="1758531"/>
                  <a:pt x="3264312" y="1774620"/>
                </a:cubicBezTo>
                <a:cubicBezTo>
                  <a:pt x="3212634" y="1771139"/>
                  <a:pt x="3147905" y="1780248"/>
                  <a:pt x="3106901" y="1804264"/>
                </a:cubicBezTo>
                <a:cubicBezTo>
                  <a:pt x="3051355" y="1805490"/>
                  <a:pt x="3041708" y="1820368"/>
                  <a:pt x="2993303" y="1806542"/>
                </a:cubicBezTo>
                <a:cubicBezTo>
                  <a:pt x="2989182" y="1810139"/>
                  <a:pt x="2984377" y="1813039"/>
                  <a:pt x="2979115" y="1815432"/>
                </a:cubicBezTo>
                <a:lnTo>
                  <a:pt x="2963118" y="1820962"/>
                </a:lnTo>
                <a:lnTo>
                  <a:pt x="2961156" y="1820297"/>
                </a:lnTo>
                <a:lnTo>
                  <a:pt x="2925719" y="1828468"/>
                </a:lnTo>
                <a:lnTo>
                  <a:pt x="2857951" y="1842496"/>
                </a:lnTo>
                <a:lnTo>
                  <a:pt x="2857427" y="1841591"/>
                </a:lnTo>
                <a:cubicBezTo>
                  <a:pt x="2855386" y="1839734"/>
                  <a:pt x="2852250" y="1838690"/>
                  <a:pt x="2846731" y="1839316"/>
                </a:cubicBezTo>
                <a:cubicBezTo>
                  <a:pt x="2855175" y="1823564"/>
                  <a:pt x="2843311" y="1834035"/>
                  <a:pt x="2826290" y="1837274"/>
                </a:cubicBezTo>
                <a:cubicBezTo>
                  <a:pt x="2835609" y="1813530"/>
                  <a:pt x="2787284" y="1831665"/>
                  <a:pt x="2779146" y="1820071"/>
                </a:cubicBezTo>
                <a:cubicBezTo>
                  <a:pt x="2766432" y="1822985"/>
                  <a:pt x="2753158" y="1825635"/>
                  <a:pt x="2739608" y="1827861"/>
                </a:cubicBezTo>
                <a:lnTo>
                  <a:pt x="2731631" y="1828881"/>
                </a:lnTo>
                <a:cubicBezTo>
                  <a:pt x="2731575" y="1828813"/>
                  <a:pt x="2731521" y="1828744"/>
                  <a:pt x="2731464" y="1828677"/>
                </a:cubicBezTo>
                <a:cubicBezTo>
                  <a:pt x="2729715" y="1828415"/>
                  <a:pt x="2727085" y="1828569"/>
                  <a:pt x="2723037" y="1829303"/>
                </a:cubicBezTo>
                <a:lnTo>
                  <a:pt x="2701616" y="1832725"/>
                </a:lnTo>
                <a:lnTo>
                  <a:pt x="2696239" y="1831904"/>
                </a:lnTo>
                <a:lnTo>
                  <a:pt x="2663445" y="1825958"/>
                </a:lnTo>
                <a:cubicBezTo>
                  <a:pt x="2641260" y="1825904"/>
                  <a:pt x="2595040" y="1827674"/>
                  <a:pt x="2560925" y="1829094"/>
                </a:cubicBezTo>
                <a:cubicBezTo>
                  <a:pt x="2527977" y="1836499"/>
                  <a:pt x="2496507" y="1831991"/>
                  <a:pt x="2458739" y="1834479"/>
                </a:cubicBezTo>
                <a:cubicBezTo>
                  <a:pt x="2419379" y="1848893"/>
                  <a:pt x="2396428" y="1834257"/>
                  <a:pt x="2356074" y="1836991"/>
                </a:cubicBezTo>
                <a:cubicBezTo>
                  <a:pt x="2323435" y="1857644"/>
                  <a:pt x="2325610" y="1826053"/>
                  <a:pt x="2304241" y="1822021"/>
                </a:cubicBezTo>
                <a:lnTo>
                  <a:pt x="2298362" y="1822125"/>
                </a:lnTo>
                <a:lnTo>
                  <a:pt x="2283527" y="1826361"/>
                </a:lnTo>
                <a:lnTo>
                  <a:pt x="2278150" y="1828604"/>
                </a:lnTo>
                <a:cubicBezTo>
                  <a:pt x="2274371" y="1829907"/>
                  <a:pt x="2271762" y="1830461"/>
                  <a:pt x="2269853" y="1830502"/>
                </a:cubicBezTo>
                <a:lnTo>
                  <a:pt x="2269585" y="1830341"/>
                </a:lnTo>
                <a:lnTo>
                  <a:pt x="2225332" y="1845825"/>
                </a:lnTo>
                <a:cubicBezTo>
                  <a:pt x="2211505" y="1836594"/>
                  <a:pt x="2170867" y="1860661"/>
                  <a:pt x="2169048" y="1837658"/>
                </a:cubicBezTo>
                <a:cubicBezTo>
                  <a:pt x="2153238" y="1843278"/>
                  <a:pt x="2146132" y="1854645"/>
                  <a:pt x="2147231" y="1839027"/>
                </a:cubicBezTo>
                <a:cubicBezTo>
                  <a:pt x="2141901" y="1840465"/>
                  <a:pt x="2138205" y="1840014"/>
                  <a:pt x="2135241" y="1838652"/>
                </a:cubicBezTo>
                <a:lnTo>
                  <a:pt x="2099215" y="1850768"/>
                </a:lnTo>
                <a:lnTo>
                  <a:pt x="2094046" y="1850806"/>
                </a:lnTo>
                <a:lnTo>
                  <a:pt x="2071850" y="1861319"/>
                </a:lnTo>
                <a:lnTo>
                  <a:pt x="2039607" y="1874318"/>
                </a:lnTo>
                <a:lnTo>
                  <a:pt x="2037289" y="1874025"/>
                </a:lnTo>
                <a:lnTo>
                  <a:pt x="2023615" y="1881562"/>
                </a:lnTo>
                <a:cubicBezTo>
                  <a:pt x="2019390" y="1884562"/>
                  <a:pt x="1959668" y="1894795"/>
                  <a:pt x="1957176" y="1898709"/>
                </a:cubicBezTo>
                <a:cubicBezTo>
                  <a:pt x="1901224" y="1893805"/>
                  <a:pt x="1914145" y="1913274"/>
                  <a:pt x="1858081" y="1923144"/>
                </a:cubicBezTo>
                <a:cubicBezTo>
                  <a:pt x="1819487" y="1923227"/>
                  <a:pt x="1798952" y="1929741"/>
                  <a:pt x="1738865" y="1944965"/>
                </a:cubicBezTo>
                <a:cubicBezTo>
                  <a:pt x="1698633" y="1955957"/>
                  <a:pt x="1670491" y="1978862"/>
                  <a:pt x="1616692" y="1989107"/>
                </a:cubicBezTo>
                <a:cubicBezTo>
                  <a:pt x="1565257" y="2022368"/>
                  <a:pt x="1474172" y="2022156"/>
                  <a:pt x="1411898" y="2046254"/>
                </a:cubicBezTo>
                <a:cubicBezTo>
                  <a:pt x="1380237" y="2035952"/>
                  <a:pt x="1386648" y="2042292"/>
                  <a:pt x="1375780" y="2047961"/>
                </a:cubicBezTo>
                <a:cubicBezTo>
                  <a:pt x="1375756" y="2047968"/>
                  <a:pt x="1375731" y="2047974"/>
                  <a:pt x="1375707" y="2047981"/>
                </a:cubicBezTo>
                <a:lnTo>
                  <a:pt x="1285585" y="2047113"/>
                </a:lnTo>
                <a:cubicBezTo>
                  <a:pt x="1279541" y="2043453"/>
                  <a:pt x="1272537" y="2040974"/>
                  <a:pt x="1263658" y="2041397"/>
                </a:cubicBezTo>
                <a:cubicBezTo>
                  <a:pt x="1212454" y="2058890"/>
                  <a:pt x="1258499" y="2026611"/>
                  <a:pt x="1170403" y="2033399"/>
                </a:cubicBezTo>
                <a:cubicBezTo>
                  <a:pt x="1166530" y="2036274"/>
                  <a:pt x="1154254" y="2033463"/>
                  <a:pt x="1153718" y="2029576"/>
                </a:cubicBezTo>
                <a:cubicBezTo>
                  <a:pt x="1148486" y="2030819"/>
                  <a:pt x="1137980" y="2038354"/>
                  <a:pt x="1133937" y="2032149"/>
                </a:cubicBezTo>
                <a:cubicBezTo>
                  <a:pt x="1104720" y="2031606"/>
                  <a:pt x="1077532" y="2035424"/>
                  <a:pt x="1054999" y="2043242"/>
                </a:cubicBezTo>
                <a:cubicBezTo>
                  <a:pt x="1024875" y="2038090"/>
                  <a:pt x="1020473" y="2042711"/>
                  <a:pt x="1018405" y="2048281"/>
                </a:cubicBezTo>
                <a:lnTo>
                  <a:pt x="1016563" y="2051718"/>
                </a:lnTo>
                <a:lnTo>
                  <a:pt x="1008284" y="2046742"/>
                </a:lnTo>
                <a:cubicBezTo>
                  <a:pt x="999244" y="2043620"/>
                  <a:pt x="990505" y="2044937"/>
                  <a:pt x="981974" y="2048363"/>
                </a:cubicBezTo>
                <a:lnTo>
                  <a:pt x="971903" y="2053484"/>
                </a:lnTo>
                <a:lnTo>
                  <a:pt x="954015" y="2052529"/>
                </a:lnTo>
                <a:cubicBezTo>
                  <a:pt x="931960" y="2051365"/>
                  <a:pt x="861352" y="2046214"/>
                  <a:pt x="839571" y="2046509"/>
                </a:cubicBezTo>
                <a:lnTo>
                  <a:pt x="823321" y="2054296"/>
                </a:lnTo>
                <a:lnTo>
                  <a:pt x="800990" y="2051523"/>
                </a:lnTo>
                <a:cubicBezTo>
                  <a:pt x="790723" y="2052171"/>
                  <a:pt x="782268" y="2055403"/>
                  <a:pt x="776439" y="2062634"/>
                </a:cubicBezTo>
                <a:cubicBezTo>
                  <a:pt x="773155" y="2056184"/>
                  <a:pt x="769593" y="2059253"/>
                  <a:pt x="763041" y="2063995"/>
                </a:cubicBezTo>
                <a:lnTo>
                  <a:pt x="757863" y="2065877"/>
                </a:lnTo>
                <a:lnTo>
                  <a:pt x="745053" y="2051831"/>
                </a:lnTo>
                <a:lnTo>
                  <a:pt x="722609" y="2049504"/>
                </a:lnTo>
                <a:lnTo>
                  <a:pt x="717618" y="2042131"/>
                </a:lnTo>
                <a:lnTo>
                  <a:pt x="703285" y="2046808"/>
                </a:lnTo>
                <a:cubicBezTo>
                  <a:pt x="698219" y="2048137"/>
                  <a:pt x="690058" y="2049926"/>
                  <a:pt x="680199" y="2051947"/>
                </a:cubicBezTo>
                <a:lnTo>
                  <a:pt x="667351" y="2054469"/>
                </a:lnTo>
                <a:lnTo>
                  <a:pt x="660961" y="2049404"/>
                </a:lnTo>
                <a:lnTo>
                  <a:pt x="638282" y="2060093"/>
                </a:lnTo>
                <a:lnTo>
                  <a:pt x="583551" y="2070197"/>
                </a:lnTo>
                <a:cubicBezTo>
                  <a:pt x="569268" y="2091365"/>
                  <a:pt x="529124" y="2053106"/>
                  <a:pt x="525274" y="2079137"/>
                </a:cubicBezTo>
                <a:cubicBezTo>
                  <a:pt x="506495" y="2056498"/>
                  <a:pt x="440091" y="2069666"/>
                  <a:pt x="405635" y="2059339"/>
                </a:cubicBezTo>
                <a:cubicBezTo>
                  <a:pt x="397410" y="2069278"/>
                  <a:pt x="294416" y="2032966"/>
                  <a:pt x="281555" y="2022847"/>
                </a:cubicBezTo>
                <a:cubicBezTo>
                  <a:pt x="171589" y="1986245"/>
                  <a:pt x="126791" y="1985528"/>
                  <a:pt x="98513" y="1969504"/>
                </a:cubicBezTo>
                <a:cubicBezTo>
                  <a:pt x="85544" y="1965247"/>
                  <a:pt x="73324" y="1958000"/>
                  <a:pt x="56191" y="1950709"/>
                </a:cubicBezTo>
                <a:lnTo>
                  <a:pt x="0" y="1935789"/>
                </a:lnTo>
                <a:close/>
              </a:path>
            </a:pathLst>
          </a:custGeom>
          <a:solidFill>
            <a:srgbClr val="82766A">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2" name="Title 1">
            <a:extLst>
              <a:ext uri="{FF2B5EF4-FFF2-40B4-BE49-F238E27FC236}">
                <a16:creationId xmlns:a16="http://schemas.microsoft.com/office/drawing/2014/main" id="{8FF0ED56-ABD4-73F1-0C27-B589F7799CF1}"/>
              </a:ext>
            </a:extLst>
          </p:cNvPr>
          <p:cNvSpPr>
            <a:spLocks noGrp="1"/>
          </p:cNvSpPr>
          <p:nvPr>
            <p:ph type="ctrTitle"/>
          </p:nvPr>
        </p:nvSpPr>
        <p:spPr>
          <a:xfrm>
            <a:off x="1137036" y="548640"/>
            <a:ext cx="9543405" cy="1188720"/>
          </a:xfrm>
        </p:spPr>
        <p:txBody>
          <a:bodyPr vert="horz" lIns="91440" tIns="45720" rIns="91440" bIns="45720" rtlCol="0" anchor="ctr">
            <a:normAutofit/>
          </a:bodyPr>
          <a:lstStyle/>
          <a:p>
            <a:pPr algn="l"/>
            <a:br>
              <a:rPr lang="en-US" sz="1800" kern="1200">
                <a:solidFill>
                  <a:schemeClr val="tx1">
                    <a:lumMod val="85000"/>
                    <a:lumOff val="15000"/>
                  </a:schemeClr>
                </a:solidFill>
                <a:latin typeface="+mj-lt"/>
                <a:ea typeface="+mj-ea"/>
                <a:cs typeface="+mj-cs"/>
              </a:rPr>
            </a:br>
            <a:br>
              <a:rPr lang="en-US" sz="1800" kern="1200">
                <a:solidFill>
                  <a:schemeClr val="tx1">
                    <a:lumMod val="85000"/>
                    <a:lumOff val="15000"/>
                  </a:schemeClr>
                </a:solidFill>
                <a:latin typeface="+mj-lt"/>
                <a:ea typeface="+mj-ea"/>
                <a:cs typeface="+mj-cs"/>
              </a:rPr>
            </a:br>
            <a:br>
              <a:rPr lang="en-US" sz="1800" kern="1200">
                <a:solidFill>
                  <a:schemeClr val="tx1">
                    <a:lumMod val="85000"/>
                    <a:lumOff val="15000"/>
                  </a:schemeClr>
                </a:solidFill>
                <a:latin typeface="+mj-lt"/>
                <a:ea typeface="+mj-ea"/>
                <a:cs typeface="+mj-cs"/>
              </a:rPr>
            </a:br>
            <a:endParaRPr lang="en-US" sz="1800" kern="1200">
              <a:solidFill>
                <a:schemeClr val="tx1">
                  <a:lumMod val="85000"/>
                  <a:lumOff val="15000"/>
                </a:schemeClr>
              </a:solidFill>
              <a:latin typeface="+mj-lt"/>
              <a:ea typeface="+mj-ea"/>
              <a:cs typeface="+mj-cs"/>
            </a:endParaRPr>
          </a:p>
        </p:txBody>
      </p:sp>
      <p:sp>
        <p:nvSpPr>
          <p:cNvPr id="9" name="Subtitle 8">
            <a:extLst>
              <a:ext uri="{FF2B5EF4-FFF2-40B4-BE49-F238E27FC236}">
                <a16:creationId xmlns:a16="http://schemas.microsoft.com/office/drawing/2014/main" id="{98586C86-50FE-1F89-15B1-55481D8253EF}"/>
              </a:ext>
            </a:extLst>
          </p:cNvPr>
          <p:cNvSpPr>
            <a:spLocks noGrp="1"/>
          </p:cNvSpPr>
          <p:nvPr>
            <p:ph type="subTitle" idx="1"/>
          </p:nvPr>
        </p:nvSpPr>
        <p:spPr>
          <a:xfrm>
            <a:off x="1957987" y="2431765"/>
            <a:ext cx="8276026" cy="3320031"/>
          </a:xfrm>
        </p:spPr>
        <p:txBody>
          <a:bodyPr vert="horz" lIns="91440" tIns="45720" rIns="91440" bIns="45720" rtlCol="0" anchor="ctr">
            <a:normAutofit/>
          </a:bodyPr>
          <a:lstStyle/>
          <a:p>
            <a:pPr indent="-228600" algn="l">
              <a:buFont typeface="Arial" panose="020B0604020202020204" pitchFamily="34" charset="0"/>
              <a:buChar char="•"/>
            </a:pPr>
            <a:r>
              <a:rPr lang="en-US" sz="2000" b="1" dirty="0">
                <a:solidFill>
                  <a:schemeClr val="tx1">
                    <a:lumMod val="85000"/>
                    <a:lumOff val="15000"/>
                  </a:schemeClr>
                </a:solidFill>
                <a:latin typeface="+mn-lt"/>
                <a:cs typeface="+mn-cs"/>
              </a:rPr>
              <a:t>Illinois Congenital Syphilis Elimination Strategy Comes to You</a:t>
            </a:r>
          </a:p>
          <a:p>
            <a:pPr indent="-228600" algn="l">
              <a:buFont typeface="Arial" panose="020B0604020202020204" pitchFamily="34" charset="0"/>
              <a:buChar char="•"/>
            </a:pPr>
            <a:r>
              <a:rPr lang="en-US" sz="2000" i="1" dirty="0">
                <a:solidFill>
                  <a:schemeClr val="tx1">
                    <a:lumMod val="85000"/>
                    <a:lumOff val="15000"/>
                  </a:schemeClr>
                </a:solidFill>
                <a:latin typeface="+mn-lt"/>
                <a:cs typeface="+mn-cs"/>
              </a:rPr>
              <a:t>The What, Why, How and When </a:t>
            </a:r>
          </a:p>
          <a:p>
            <a:pPr indent="-228600" algn="l">
              <a:buFont typeface="Arial" panose="020B0604020202020204" pitchFamily="34" charset="0"/>
              <a:buChar char="•"/>
            </a:pPr>
            <a:r>
              <a:rPr lang="en-US" sz="2000" i="1" dirty="0">
                <a:solidFill>
                  <a:schemeClr val="tx1">
                    <a:lumMod val="85000"/>
                    <a:lumOff val="15000"/>
                  </a:schemeClr>
                </a:solidFill>
                <a:latin typeface="+mn-lt"/>
                <a:cs typeface="+mn-cs"/>
              </a:rPr>
              <a:t>of Congenital Syphilis Testing, Prevention, and Treatment During Pregnancy</a:t>
            </a:r>
          </a:p>
          <a:p>
            <a:pPr indent="-228600" algn="l">
              <a:buFont typeface="Arial" panose="020B0604020202020204" pitchFamily="34" charset="0"/>
              <a:buChar char="•"/>
            </a:pPr>
            <a:endParaRPr lang="en-US" sz="2000" i="1" dirty="0">
              <a:solidFill>
                <a:schemeClr val="tx1">
                  <a:lumMod val="85000"/>
                  <a:lumOff val="15000"/>
                </a:schemeClr>
              </a:solidFill>
              <a:latin typeface="+mn-lt"/>
              <a:cs typeface="+mn-cs"/>
            </a:endParaRPr>
          </a:p>
          <a:p>
            <a:pPr indent="-228600" algn="l">
              <a:buFont typeface="Arial" panose="020B0604020202020204" pitchFamily="34" charset="0"/>
              <a:buChar char="•"/>
            </a:pPr>
            <a:r>
              <a:rPr lang="en-US" sz="2000" i="1" dirty="0">
                <a:solidFill>
                  <a:schemeClr val="tx1">
                    <a:lumMod val="85000"/>
                    <a:lumOff val="15000"/>
                  </a:schemeClr>
                </a:solidFill>
                <a:latin typeface="+mn-lt"/>
                <a:cs typeface="+mn-cs"/>
              </a:rPr>
              <a:t>Full slide deck is on the NCIPN website:</a:t>
            </a:r>
          </a:p>
          <a:p>
            <a:pPr indent="-228600" algn="l">
              <a:buFont typeface="Arial" panose="020B0604020202020204" pitchFamily="34" charset="0"/>
              <a:buChar char="•"/>
            </a:pPr>
            <a:r>
              <a:rPr lang="en-US" sz="2000" i="1" dirty="0">
                <a:solidFill>
                  <a:schemeClr val="tx1">
                    <a:lumMod val="85000"/>
                    <a:lumOff val="15000"/>
                  </a:schemeClr>
                </a:solidFill>
                <a:latin typeface="+mn-lt"/>
                <a:cs typeface="+mn-cs"/>
                <a:hlinkClick r:id="rId2"/>
              </a:rPr>
              <a:t>www.nciperiatal.com</a:t>
            </a:r>
            <a:endParaRPr lang="en-US" sz="2000" i="1" dirty="0">
              <a:solidFill>
                <a:schemeClr val="tx1">
                  <a:lumMod val="85000"/>
                  <a:lumOff val="15000"/>
                </a:schemeClr>
              </a:solidFill>
              <a:latin typeface="+mn-lt"/>
              <a:cs typeface="+mn-cs"/>
            </a:endParaRPr>
          </a:p>
          <a:p>
            <a:pPr indent="-228600" algn="l">
              <a:buFont typeface="Arial" panose="020B0604020202020204" pitchFamily="34" charset="0"/>
              <a:buChar char="•"/>
            </a:pPr>
            <a:r>
              <a:rPr lang="en-US" sz="2000" i="1" dirty="0">
                <a:solidFill>
                  <a:schemeClr val="tx1">
                    <a:lumMod val="85000"/>
                    <a:lumOff val="15000"/>
                  </a:schemeClr>
                </a:solidFill>
                <a:latin typeface="+mn-lt"/>
                <a:cs typeface="+mn-cs"/>
              </a:rPr>
              <a:t>Under Regional Quality</a:t>
            </a:r>
          </a:p>
          <a:p>
            <a:pPr indent="-228600" algn="l">
              <a:buFont typeface="Arial" panose="020B0604020202020204" pitchFamily="34" charset="0"/>
              <a:buChar char="•"/>
            </a:pPr>
            <a:endParaRPr lang="en-US" sz="2000" i="1" dirty="0">
              <a:solidFill>
                <a:schemeClr val="tx1">
                  <a:lumMod val="85000"/>
                  <a:lumOff val="15000"/>
                </a:schemeClr>
              </a:solidFill>
              <a:latin typeface="+mn-lt"/>
              <a:cs typeface="+mn-cs"/>
            </a:endParaRPr>
          </a:p>
          <a:p>
            <a:pPr indent="-228600" algn="l">
              <a:buFont typeface="Arial" panose="020B0604020202020204" pitchFamily="34" charset="0"/>
              <a:buChar char="•"/>
            </a:pPr>
            <a:endParaRPr lang="en-US" sz="2000" i="1" dirty="0">
              <a:solidFill>
                <a:schemeClr val="tx1">
                  <a:lumMod val="85000"/>
                  <a:lumOff val="15000"/>
                </a:schemeClr>
              </a:solidFill>
              <a:latin typeface="+mn-lt"/>
              <a:cs typeface="+mn-cs"/>
            </a:endParaRPr>
          </a:p>
          <a:p>
            <a:pPr indent="-228600" algn="l">
              <a:buFont typeface="Arial" panose="020B0604020202020204" pitchFamily="34" charset="0"/>
              <a:buChar char="•"/>
            </a:pPr>
            <a:endParaRPr lang="en-US" sz="2000" i="1" dirty="0">
              <a:solidFill>
                <a:schemeClr val="tx1">
                  <a:lumMod val="85000"/>
                  <a:lumOff val="15000"/>
                </a:schemeClr>
              </a:solidFill>
              <a:latin typeface="+mn-lt"/>
              <a:cs typeface="+mn-cs"/>
            </a:endParaRPr>
          </a:p>
          <a:p>
            <a:pPr indent="-228600" algn="l">
              <a:buFont typeface="Arial" panose="020B0604020202020204" pitchFamily="34" charset="0"/>
              <a:buChar char="•"/>
            </a:pPr>
            <a:endParaRPr lang="en-US" sz="2000" i="1" dirty="0">
              <a:solidFill>
                <a:schemeClr val="tx1">
                  <a:lumMod val="85000"/>
                  <a:lumOff val="15000"/>
                </a:schemeClr>
              </a:solidFill>
              <a:latin typeface="+mn-lt"/>
              <a:cs typeface="+mn-cs"/>
            </a:endParaRPr>
          </a:p>
        </p:txBody>
      </p:sp>
      <p:sp>
        <p:nvSpPr>
          <p:cNvPr id="18" name="Freeform: Shape 17">
            <a:extLst>
              <a:ext uri="{FF2B5EF4-FFF2-40B4-BE49-F238E27FC236}">
                <a16:creationId xmlns:a16="http://schemas.microsoft.com/office/drawing/2014/main" id="{142DCE2C-2863-46FA-9BE7-24365A24D9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224586" y="5970896"/>
            <a:ext cx="9967416" cy="887104"/>
          </a:xfrm>
          <a:custGeom>
            <a:avLst/>
            <a:gdLst>
              <a:gd name="connsiteX0" fmla="*/ 4686423 w 9517857"/>
              <a:gd name="connsiteY0" fmla="*/ 247919 h 918356"/>
              <a:gd name="connsiteX1" fmla="*/ 4689051 w 9517857"/>
              <a:gd name="connsiteY1" fmla="*/ 250968 h 918356"/>
              <a:gd name="connsiteX2" fmla="*/ 4687244 w 9517857"/>
              <a:gd name="connsiteY2" fmla="*/ 251298 h 918356"/>
              <a:gd name="connsiteX3" fmla="*/ 4685225 w 9517857"/>
              <a:gd name="connsiteY3" fmla="*/ 246530 h 918356"/>
              <a:gd name="connsiteX4" fmla="*/ 4686133 w 9517857"/>
              <a:gd name="connsiteY4" fmla="*/ 246727 h 918356"/>
              <a:gd name="connsiteX5" fmla="*/ 4686423 w 9517857"/>
              <a:gd name="connsiteY5" fmla="*/ 247919 h 918356"/>
              <a:gd name="connsiteX6" fmla="*/ 9517856 w 9517857"/>
              <a:gd name="connsiteY6" fmla="*/ 0 h 918356"/>
              <a:gd name="connsiteX7" fmla="*/ 9517857 w 9517857"/>
              <a:gd name="connsiteY7" fmla="*/ 12 h 918356"/>
              <a:gd name="connsiteX8" fmla="*/ 9517857 w 9517857"/>
              <a:gd name="connsiteY8" fmla="*/ 918356 h 918356"/>
              <a:gd name="connsiteX9" fmla="*/ 14604 w 9517857"/>
              <a:gd name="connsiteY9" fmla="*/ 918356 h 918356"/>
              <a:gd name="connsiteX10" fmla="*/ 12841 w 9517857"/>
              <a:gd name="connsiteY10" fmla="*/ 917763 h 918356"/>
              <a:gd name="connsiteX11" fmla="*/ 93 w 9517857"/>
              <a:gd name="connsiteY11" fmla="*/ 912471 h 918356"/>
              <a:gd name="connsiteX12" fmla="*/ 58674 w 9517857"/>
              <a:gd name="connsiteY12" fmla="*/ 890322 h 918356"/>
              <a:gd name="connsiteX13" fmla="*/ 275005 w 9517857"/>
              <a:gd name="connsiteY13" fmla="*/ 807229 h 918356"/>
              <a:gd name="connsiteX14" fmla="*/ 587824 w 9517857"/>
              <a:gd name="connsiteY14" fmla="*/ 798195 h 918356"/>
              <a:gd name="connsiteX15" fmla="*/ 651826 w 9517857"/>
              <a:gd name="connsiteY15" fmla="*/ 738338 h 918356"/>
              <a:gd name="connsiteX16" fmla="*/ 727985 w 9517857"/>
              <a:gd name="connsiteY16" fmla="*/ 719826 h 918356"/>
              <a:gd name="connsiteX17" fmla="*/ 778982 w 9517857"/>
              <a:gd name="connsiteY17" fmla="*/ 710142 h 918356"/>
              <a:gd name="connsiteX18" fmla="*/ 849944 w 9517857"/>
              <a:gd name="connsiteY18" fmla="*/ 717987 h 918356"/>
              <a:gd name="connsiteX19" fmla="*/ 921659 w 9517857"/>
              <a:gd name="connsiteY19" fmla="*/ 712695 h 918356"/>
              <a:gd name="connsiteX20" fmla="*/ 930946 w 9517857"/>
              <a:gd name="connsiteY20" fmla="*/ 734046 h 918356"/>
              <a:gd name="connsiteX21" fmla="*/ 986250 w 9517857"/>
              <a:gd name="connsiteY21" fmla="*/ 713530 h 918356"/>
              <a:gd name="connsiteX22" fmla="*/ 1013752 w 9517857"/>
              <a:gd name="connsiteY22" fmla="*/ 713361 h 918356"/>
              <a:gd name="connsiteX23" fmla="*/ 1023734 w 9517857"/>
              <a:gd name="connsiteY23" fmla="*/ 718571 h 918356"/>
              <a:gd name="connsiteX24" fmla="*/ 1063207 w 9517857"/>
              <a:gd name="connsiteY24" fmla="*/ 715651 h 918356"/>
              <a:gd name="connsiteX25" fmla="*/ 1081980 w 9517857"/>
              <a:gd name="connsiteY25" fmla="*/ 738455 h 918356"/>
              <a:gd name="connsiteX26" fmla="*/ 1218120 w 9517857"/>
              <a:gd name="connsiteY26" fmla="*/ 713280 h 918356"/>
              <a:gd name="connsiteX27" fmla="*/ 1397459 w 9517857"/>
              <a:gd name="connsiteY27" fmla="*/ 691190 h 918356"/>
              <a:gd name="connsiteX28" fmla="*/ 1580688 w 9517857"/>
              <a:gd name="connsiteY28" fmla="*/ 693697 h 918356"/>
              <a:gd name="connsiteX29" fmla="*/ 1772334 w 9517857"/>
              <a:gd name="connsiteY29" fmla="*/ 710640 h 918356"/>
              <a:gd name="connsiteX30" fmla="*/ 2002561 w 9517857"/>
              <a:gd name="connsiteY30" fmla="*/ 659917 h 918356"/>
              <a:gd name="connsiteX31" fmla="*/ 2135144 w 9517857"/>
              <a:gd name="connsiteY31" fmla="*/ 636501 h 918356"/>
              <a:gd name="connsiteX32" fmla="*/ 2440292 w 9517857"/>
              <a:gd name="connsiteY32" fmla="*/ 593862 h 918356"/>
              <a:gd name="connsiteX33" fmla="*/ 2547829 w 9517857"/>
              <a:gd name="connsiteY33" fmla="*/ 566150 h 918356"/>
              <a:gd name="connsiteX34" fmla="*/ 2658055 w 9517857"/>
              <a:gd name="connsiteY34" fmla="*/ 578727 h 918356"/>
              <a:gd name="connsiteX35" fmla="*/ 2693698 w 9517857"/>
              <a:gd name="connsiteY35" fmla="*/ 560029 h 918356"/>
              <a:gd name="connsiteX36" fmla="*/ 2699673 w 9517857"/>
              <a:gd name="connsiteY36" fmla="*/ 556400 h 918356"/>
              <a:gd name="connsiteX37" fmla="*/ 2727306 w 9517857"/>
              <a:gd name="connsiteY37" fmla="*/ 550698 h 918356"/>
              <a:gd name="connsiteX38" fmla="*/ 2730451 w 9517857"/>
              <a:gd name="connsiteY38" fmla="*/ 538058 h 918356"/>
              <a:gd name="connsiteX39" fmla="*/ 2768713 w 9517857"/>
              <a:gd name="connsiteY39" fmla="*/ 521575 h 918356"/>
              <a:gd name="connsiteX40" fmla="*/ 2820868 w 9517857"/>
              <a:gd name="connsiteY40" fmla="*/ 514160 h 918356"/>
              <a:gd name="connsiteX41" fmla="*/ 3073635 w 9517857"/>
              <a:gd name="connsiteY41" fmla="*/ 491294 h 918356"/>
              <a:gd name="connsiteX42" fmla="*/ 3222071 w 9517857"/>
              <a:gd name="connsiteY42" fmla="*/ 470559 h 918356"/>
              <a:gd name="connsiteX43" fmla="*/ 3274069 w 9517857"/>
              <a:gd name="connsiteY43" fmla="*/ 451605 h 918356"/>
              <a:gd name="connsiteX44" fmla="*/ 3349632 w 9517857"/>
              <a:gd name="connsiteY44" fmla="*/ 432583 h 918356"/>
              <a:gd name="connsiteX45" fmla="*/ 3479593 w 9517857"/>
              <a:gd name="connsiteY45" fmla="*/ 390437 h 918356"/>
              <a:gd name="connsiteX46" fmla="*/ 3660110 w 9517857"/>
              <a:gd name="connsiteY46" fmla="*/ 348726 h 918356"/>
              <a:gd name="connsiteX47" fmla="*/ 3750023 w 9517857"/>
              <a:gd name="connsiteY47" fmla="*/ 370678 h 918356"/>
              <a:gd name="connsiteX48" fmla="*/ 3844133 w 9517857"/>
              <a:gd name="connsiteY48" fmla="*/ 360648 h 918356"/>
              <a:gd name="connsiteX49" fmla="*/ 3913545 w 9517857"/>
              <a:gd name="connsiteY49" fmla="*/ 344235 h 918356"/>
              <a:gd name="connsiteX50" fmla="*/ 4266740 w 9517857"/>
              <a:gd name="connsiteY50" fmla="*/ 361454 h 918356"/>
              <a:gd name="connsiteX51" fmla="*/ 4430770 w 9517857"/>
              <a:gd name="connsiteY51" fmla="*/ 342643 h 918356"/>
              <a:gd name="connsiteX52" fmla="*/ 4512664 w 9517857"/>
              <a:gd name="connsiteY52" fmla="*/ 319948 h 918356"/>
              <a:gd name="connsiteX53" fmla="*/ 4616423 w 9517857"/>
              <a:gd name="connsiteY53" fmla="*/ 290914 h 918356"/>
              <a:gd name="connsiteX54" fmla="*/ 4691675 w 9517857"/>
              <a:gd name="connsiteY54" fmla="*/ 254011 h 918356"/>
              <a:gd name="connsiteX55" fmla="*/ 4689051 w 9517857"/>
              <a:gd name="connsiteY55" fmla="*/ 250968 h 918356"/>
              <a:gd name="connsiteX56" fmla="*/ 4719994 w 9517857"/>
              <a:gd name="connsiteY56" fmla="*/ 245307 h 918356"/>
              <a:gd name="connsiteX57" fmla="*/ 4752894 w 9517857"/>
              <a:gd name="connsiteY57" fmla="*/ 239875 h 918356"/>
              <a:gd name="connsiteX58" fmla="*/ 4769329 w 9517857"/>
              <a:gd name="connsiteY58" fmla="*/ 233585 h 918356"/>
              <a:gd name="connsiteX59" fmla="*/ 4775634 w 9517857"/>
              <a:gd name="connsiteY59" fmla="*/ 234063 h 918356"/>
              <a:gd name="connsiteX60" fmla="*/ 4790452 w 9517857"/>
              <a:gd name="connsiteY60" fmla="*/ 233572 h 918356"/>
              <a:gd name="connsiteX61" fmla="*/ 4789062 w 9517857"/>
              <a:gd name="connsiteY61" fmla="*/ 241924 h 918356"/>
              <a:gd name="connsiteX62" fmla="*/ 4827826 w 9517857"/>
              <a:gd name="connsiteY62" fmla="*/ 246977 h 918356"/>
              <a:gd name="connsiteX63" fmla="*/ 4892569 w 9517857"/>
              <a:gd name="connsiteY63" fmla="*/ 249933 h 918356"/>
              <a:gd name="connsiteX64" fmla="*/ 4896611 w 9517857"/>
              <a:gd name="connsiteY64" fmla="*/ 240448 h 918356"/>
              <a:gd name="connsiteX65" fmla="*/ 4917286 w 9517857"/>
              <a:gd name="connsiteY65" fmla="*/ 243659 h 918356"/>
              <a:gd name="connsiteX66" fmla="*/ 4981173 w 9517857"/>
              <a:gd name="connsiteY66" fmla="*/ 247103 h 918356"/>
              <a:gd name="connsiteX67" fmla="*/ 5060397 w 9517857"/>
              <a:gd name="connsiteY67" fmla="*/ 263688 h 918356"/>
              <a:gd name="connsiteX68" fmla="*/ 5252996 w 9517857"/>
              <a:gd name="connsiteY68" fmla="*/ 270655 h 918356"/>
              <a:gd name="connsiteX69" fmla="*/ 5358056 w 9517857"/>
              <a:gd name="connsiteY69" fmla="*/ 247248 h 918356"/>
              <a:gd name="connsiteX70" fmla="*/ 5426496 w 9517857"/>
              <a:gd name="connsiteY70" fmla="*/ 235142 h 918356"/>
              <a:gd name="connsiteX71" fmla="*/ 5497161 w 9517857"/>
              <a:gd name="connsiteY71" fmla="*/ 228808 h 918356"/>
              <a:gd name="connsiteX72" fmla="*/ 5826043 w 9517857"/>
              <a:gd name="connsiteY72" fmla="*/ 148073 h 918356"/>
              <a:gd name="connsiteX73" fmla="*/ 6013415 w 9517857"/>
              <a:gd name="connsiteY73" fmla="*/ 137316 h 918356"/>
              <a:gd name="connsiteX74" fmla="*/ 6080994 w 9517857"/>
              <a:gd name="connsiteY74" fmla="*/ 142938 h 918356"/>
              <a:gd name="connsiteX75" fmla="*/ 6194152 w 9517857"/>
              <a:gd name="connsiteY75" fmla="*/ 151772 h 918356"/>
              <a:gd name="connsiteX76" fmla="*/ 6281379 w 9517857"/>
              <a:gd name="connsiteY76" fmla="*/ 181626 h 918356"/>
              <a:gd name="connsiteX77" fmla="*/ 6374947 w 9517857"/>
              <a:gd name="connsiteY77" fmla="*/ 179799 h 918356"/>
              <a:gd name="connsiteX78" fmla="*/ 6448518 w 9517857"/>
              <a:gd name="connsiteY78" fmla="*/ 164378 h 918356"/>
              <a:gd name="connsiteX79" fmla="*/ 6544700 w 9517857"/>
              <a:gd name="connsiteY79" fmla="*/ 167161 h 918356"/>
              <a:gd name="connsiteX80" fmla="*/ 6648353 w 9517857"/>
              <a:gd name="connsiteY80" fmla="*/ 172250 h 918356"/>
              <a:gd name="connsiteX81" fmla="*/ 6736227 w 9517857"/>
              <a:gd name="connsiteY81" fmla="*/ 173216 h 918356"/>
              <a:gd name="connsiteX82" fmla="*/ 6977218 w 9517857"/>
              <a:gd name="connsiteY82" fmla="*/ 184289 h 918356"/>
              <a:gd name="connsiteX83" fmla="*/ 7065221 w 9517857"/>
              <a:gd name="connsiteY83" fmla="*/ 227531 h 918356"/>
              <a:gd name="connsiteX84" fmla="*/ 7366876 w 9517857"/>
              <a:gd name="connsiteY84" fmla="*/ 248468 h 918356"/>
              <a:gd name="connsiteX85" fmla="*/ 7565449 w 9517857"/>
              <a:gd name="connsiteY85" fmla="*/ 258950 h 918356"/>
              <a:gd name="connsiteX86" fmla="*/ 7599285 w 9517857"/>
              <a:gd name="connsiteY86" fmla="*/ 266021 h 918356"/>
              <a:gd name="connsiteX87" fmla="*/ 7644411 w 9517857"/>
              <a:gd name="connsiteY87" fmla="*/ 258986 h 918356"/>
              <a:gd name="connsiteX88" fmla="*/ 7825110 w 9517857"/>
              <a:gd name="connsiteY88" fmla="*/ 229109 h 918356"/>
              <a:gd name="connsiteX89" fmla="*/ 7965804 w 9517857"/>
              <a:gd name="connsiteY89" fmla="*/ 190545 h 918356"/>
              <a:gd name="connsiteX90" fmla="*/ 8147401 w 9517857"/>
              <a:gd name="connsiteY90" fmla="*/ 205617 h 918356"/>
              <a:gd name="connsiteX91" fmla="*/ 8256033 w 9517857"/>
              <a:gd name="connsiteY91" fmla="*/ 193713 h 918356"/>
              <a:gd name="connsiteX92" fmla="*/ 8410677 w 9517857"/>
              <a:gd name="connsiteY92" fmla="*/ 172167 h 918356"/>
              <a:gd name="connsiteX93" fmla="*/ 8617841 w 9517857"/>
              <a:gd name="connsiteY93" fmla="*/ 155167 h 918356"/>
              <a:gd name="connsiteX94" fmla="*/ 8715976 w 9517857"/>
              <a:gd name="connsiteY94" fmla="*/ 178374 h 918356"/>
              <a:gd name="connsiteX95" fmla="*/ 8778827 w 9517857"/>
              <a:gd name="connsiteY95" fmla="*/ 172936 h 918356"/>
              <a:gd name="connsiteX96" fmla="*/ 8840778 w 9517857"/>
              <a:gd name="connsiteY96" fmla="*/ 143149 h 918356"/>
              <a:gd name="connsiteX97" fmla="*/ 9010380 w 9517857"/>
              <a:gd name="connsiteY97" fmla="*/ 91891 h 918356"/>
              <a:gd name="connsiteX98" fmla="*/ 9110856 w 9517857"/>
              <a:gd name="connsiteY98" fmla="*/ 70997 h 918356"/>
              <a:gd name="connsiteX99" fmla="*/ 9268817 w 9517857"/>
              <a:gd name="connsiteY99" fmla="*/ 53082 h 918356"/>
              <a:gd name="connsiteX100" fmla="*/ 9316667 w 9517857"/>
              <a:gd name="connsiteY100" fmla="*/ 45047 h 918356"/>
              <a:gd name="connsiteX101" fmla="*/ 9428209 w 9517857"/>
              <a:gd name="connsiteY101" fmla="*/ 29923 h 9183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9517857" h="918356">
                <a:moveTo>
                  <a:pt x="4686423" y="247919"/>
                </a:moveTo>
                <a:lnTo>
                  <a:pt x="4689051" y="250968"/>
                </a:lnTo>
                <a:lnTo>
                  <a:pt x="4687244" y="251298"/>
                </a:lnTo>
                <a:close/>
                <a:moveTo>
                  <a:pt x="4685225" y="246530"/>
                </a:moveTo>
                <a:cubicBezTo>
                  <a:pt x="4688837" y="243198"/>
                  <a:pt x="4687468" y="244598"/>
                  <a:pt x="4686133" y="246727"/>
                </a:cubicBezTo>
                <a:lnTo>
                  <a:pt x="4686423" y="247919"/>
                </a:lnTo>
                <a:close/>
                <a:moveTo>
                  <a:pt x="9517856" y="0"/>
                </a:moveTo>
                <a:lnTo>
                  <a:pt x="9517857" y="12"/>
                </a:lnTo>
                <a:lnTo>
                  <a:pt x="9517857" y="918356"/>
                </a:lnTo>
                <a:lnTo>
                  <a:pt x="14604" y="918356"/>
                </a:lnTo>
                <a:lnTo>
                  <a:pt x="12841" y="917763"/>
                </a:lnTo>
                <a:cubicBezTo>
                  <a:pt x="4532" y="914864"/>
                  <a:pt x="-773" y="912807"/>
                  <a:pt x="93" y="912471"/>
                </a:cubicBezTo>
                <a:cubicBezTo>
                  <a:pt x="172" y="912298"/>
                  <a:pt x="58594" y="890495"/>
                  <a:pt x="58674" y="890322"/>
                </a:cubicBezTo>
                <a:cubicBezTo>
                  <a:pt x="127436" y="929614"/>
                  <a:pt x="206243" y="828226"/>
                  <a:pt x="275005" y="807229"/>
                </a:cubicBezTo>
                <a:cubicBezTo>
                  <a:pt x="303983" y="806087"/>
                  <a:pt x="504960" y="777375"/>
                  <a:pt x="587824" y="798195"/>
                </a:cubicBezTo>
                <a:cubicBezTo>
                  <a:pt x="598733" y="769348"/>
                  <a:pt x="682904" y="785924"/>
                  <a:pt x="651826" y="738338"/>
                </a:cubicBezTo>
                <a:cubicBezTo>
                  <a:pt x="688440" y="737862"/>
                  <a:pt x="753255" y="750396"/>
                  <a:pt x="727985" y="719826"/>
                </a:cubicBezTo>
                <a:cubicBezTo>
                  <a:pt x="739648" y="718749"/>
                  <a:pt x="775717" y="715087"/>
                  <a:pt x="778982" y="710142"/>
                </a:cubicBezTo>
                <a:cubicBezTo>
                  <a:pt x="779189" y="709407"/>
                  <a:pt x="849736" y="718721"/>
                  <a:pt x="849944" y="717987"/>
                </a:cubicBezTo>
                <a:lnTo>
                  <a:pt x="921659" y="712695"/>
                </a:lnTo>
                <a:lnTo>
                  <a:pt x="930946" y="734046"/>
                </a:lnTo>
                <a:lnTo>
                  <a:pt x="986250" y="713530"/>
                </a:lnTo>
                <a:lnTo>
                  <a:pt x="1013752" y="713361"/>
                </a:lnTo>
                <a:lnTo>
                  <a:pt x="1023734" y="718571"/>
                </a:lnTo>
                <a:cubicBezTo>
                  <a:pt x="1033291" y="721276"/>
                  <a:pt x="1045398" y="721394"/>
                  <a:pt x="1063207" y="715651"/>
                </a:cubicBezTo>
                <a:lnTo>
                  <a:pt x="1081980" y="738455"/>
                </a:lnTo>
                <a:lnTo>
                  <a:pt x="1218120" y="713280"/>
                </a:lnTo>
                <a:cubicBezTo>
                  <a:pt x="1230137" y="716162"/>
                  <a:pt x="1387179" y="685179"/>
                  <a:pt x="1397459" y="691190"/>
                </a:cubicBezTo>
                <a:cubicBezTo>
                  <a:pt x="1490025" y="704984"/>
                  <a:pt x="1465878" y="715604"/>
                  <a:pt x="1580688" y="693697"/>
                </a:cubicBezTo>
                <a:cubicBezTo>
                  <a:pt x="1607067" y="704379"/>
                  <a:pt x="1719477" y="658239"/>
                  <a:pt x="1772334" y="710640"/>
                </a:cubicBezTo>
                <a:cubicBezTo>
                  <a:pt x="1745536" y="644824"/>
                  <a:pt x="1976078" y="716436"/>
                  <a:pt x="2002561" y="659917"/>
                </a:cubicBezTo>
                <a:cubicBezTo>
                  <a:pt x="2045346" y="660357"/>
                  <a:pt x="2166676" y="654391"/>
                  <a:pt x="2135144" y="636501"/>
                </a:cubicBezTo>
                <a:cubicBezTo>
                  <a:pt x="2276591" y="665055"/>
                  <a:pt x="2293173" y="591792"/>
                  <a:pt x="2440292" y="593862"/>
                </a:cubicBezTo>
                <a:cubicBezTo>
                  <a:pt x="2495160" y="534824"/>
                  <a:pt x="2473343" y="585644"/>
                  <a:pt x="2547829" y="566150"/>
                </a:cubicBezTo>
                <a:cubicBezTo>
                  <a:pt x="2545438" y="614169"/>
                  <a:pt x="2632278" y="528280"/>
                  <a:pt x="2658055" y="578727"/>
                </a:cubicBezTo>
                <a:cubicBezTo>
                  <a:pt x="2670795" y="573581"/>
                  <a:pt x="2682322" y="567005"/>
                  <a:pt x="2693698" y="560029"/>
                </a:cubicBezTo>
                <a:lnTo>
                  <a:pt x="2699673" y="556400"/>
                </a:lnTo>
                <a:lnTo>
                  <a:pt x="2727306" y="550698"/>
                </a:lnTo>
                <a:lnTo>
                  <a:pt x="2730451" y="538058"/>
                </a:lnTo>
                <a:lnTo>
                  <a:pt x="2768713" y="521575"/>
                </a:lnTo>
                <a:cubicBezTo>
                  <a:pt x="2783756" y="517104"/>
                  <a:pt x="2800788" y="514291"/>
                  <a:pt x="2820868" y="514160"/>
                </a:cubicBezTo>
                <a:cubicBezTo>
                  <a:pt x="2894791" y="532885"/>
                  <a:pt x="2981506" y="465507"/>
                  <a:pt x="3073635" y="491294"/>
                </a:cubicBezTo>
                <a:cubicBezTo>
                  <a:pt x="3106872" y="496624"/>
                  <a:pt x="3205785" y="487718"/>
                  <a:pt x="3222071" y="470559"/>
                </a:cubicBezTo>
                <a:cubicBezTo>
                  <a:pt x="3242193" y="465514"/>
                  <a:pt x="3267163" y="469136"/>
                  <a:pt x="3274069" y="451605"/>
                </a:cubicBezTo>
                <a:cubicBezTo>
                  <a:pt x="3286659" y="430165"/>
                  <a:pt x="3363648" y="455571"/>
                  <a:pt x="3349632" y="432583"/>
                </a:cubicBezTo>
                <a:cubicBezTo>
                  <a:pt x="3404182" y="449847"/>
                  <a:pt x="3438210" y="404323"/>
                  <a:pt x="3479593" y="390437"/>
                </a:cubicBezTo>
                <a:cubicBezTo>
                  <a:pt x="3523240" y="408403"/>
                  <a:pt x="3567027" y="361554"/>
                  <a:pt x="3660110" y="348726"/>
                </a:cubicBezTo>
                <a:cubicBezTo>
                  <a:pt x="3708299" y="369683"/>
                  <a:pt x="3662447" y="344775"/>
                  <a:pt x="3750023" y="370678"/>
                </a:cubicBezTo>
                <a:cubicBezTo>
                  <a:pt x="3752092" y="367132"/>
                  <a:pt x="3816880" y="365055"/>
                  <a:pt x="3844133" y="360648"/>
                </a:cubicBezTo>
                <a:cubicBezTo>
                  <a:pt x="3871386" y="356240"/>
                  <a:pt x="3882848" y="332490"/>
                  <a:pt x="3913545" y="344235"/>
                </a:cubicBezTo>
                <a:cubicBezTo>
                  <a:pt x="4050255" y="376864"/>
                  <a:pt x="4159924" y="363190"/>
                  <a:pt x="4266740" y="361454"/>
                </a:cubicBezTo>
                <a:cubicBezTo>
                  <a:pt x="4385770" y="354374"/>
                  <a:pt x="4314535" y="340143"/>
                  <a:pt x="4430770" y="342643"/>
                </a:cubicBezTo>
                <a:cubicBezTo>
                  <a:pt x="4439969" y="322594"/>
                  <a:pt x="4478290" y="314645"/>
                  <a:pt x="4512664" y="319948"/>
                </a:cubicBezTo>
                <a:cubicBezTo>
                  <a:pt x="4570011" y="315138"/>
                  <a:pt x="4549085" y="269599"/>
                  <a:pt x="4616423" y="290914"/>
                </a:cubicBezTo>
                <a:cubicBezTo>
                  <a:pt x="4599641" y="270277"/>
                  <a:pt x="4692085" y="269216"/>
                  <a:pt x="4691675" y="254011"/>
                </a:cubicBezTo>
                <a:lnTo>
                  <a:pt x="4689051" y="250968"/>
                </a:lnTo>
                <a:lnTo>
                  <a:pt x="4719994" y="245307"/>
                </a:lnTo>
                <a:cubicBezTo>
                  <a:pt x="4732635" y="242775"/>
                  <a:pt x="4745300" y="240335"/>
                  <a:pt x="4752894" y="239875"/>
                </a:cubicBezTo>
                <a:lnTo>
                  <a:pt x="4769329" y="233585"/>
                </a:lnTo>
                <a:lnTo>
                  <a:pt x="4775634" y="234063"/>
                </a:lnTo>
                <a:lnTo>
                  <a:pt x="4790452" y="233572"/>
                </a:lnTo>
                <a:cubicBezTo>
                  <a:pt x="4789989" y="236356"/>
                  <a:pt x="4789525" y="239141"/>
                  <a:pt x="4789062" y="241924"/>
                </a:cubicBezTo>
                <a:cubicBezTo>
                  <a:pt x="4786342" y="249932"/>
                  <a:pt x="4804560" y="248631"/>
                  <a:pt x="4827826" y="246977"/>
                </a:cubicBezTo>
                <a:cubicBezTo>
                  <a:pt x="4875782" y="239569"/>
                  <a:pt x="4874112" y="283413"/>
                  <a:pt x="4892569" y="249933"/>
                </a:cubicBezTo>
                <a:lnTo>
                  <a:pt x="4896611" y="240448"/>
                </a:lnTo>
                <a:lnTo>
                  <a:pt x="4917286" y="243659"/>
                </a:lnTo>
                <a:cubicBezTo>
                  <a:pt x="4923060" y="243799"/>
                  <a:pt x="4981729" y="240979"/>
                  <a:pt x="4981173" y="247103"/>
                </a:cubicBezTo>
                <a:cubicBezTo>
                  <a:pt x="5024880" y="220690"/>
                  <a:pt x="5014146" y="257963"/>
                  <a:pt x="5060397" y="263688"/>
                </a:cubicBezTo>
                <a:cubicBezTo>
                  <a:pt x="5093356" y="238589"/>
                  <a:pt x="5157892" y="275351"/>
                  <a:pt x="5252996" y="270655"/>
                </a:cubicBezTo>
                <a:cubicBezTo>
                  <a:pt x="5288840" y="241872"/>
                  <a:pt x="5287005" y="287921"/>
                  <a:pt x="5358056" y="247248"/>
                </a:cubicBezTo>
                <a:cubicBezTo>
                  <a:pt x="5361752" y="250257"/>
                  <a:pt x="5403312" y="238215"/>
                  <a:pt x="5426496" y="235142"/>
                </a:cubicBezTo>
                <a:cubicBezTo>
                  <a:pt x="5449679" y="232069"/>
                  <a:pt x="5473549" y="245611"/>
                  <a:pt x="5497161" y="228808"/>
                </a:cubicBezTo>
                <a:cubicBezTo>
                  <a:pt x="5611861" y="172767"/>
                  <a:pt x="5723211" y="165860"/>
                  <a:pt x="5826043" y="148073"/>
                </a:cubicBezTo>
                <a:cubicBezTo>
                  <a:pt x="5943127" y="133166"/>
                  <a:pt x="5872659" y="193078"/>
                  <a:pt x="6013415" y="137316"/>
                </a:cubicBezTo>
                <a:cubicBezTo>
                  <a:pt x="6031924" y="154783"/>
                  <a:pt x="6050745" y="154258"/>
                  <a:pt x="6080994" y="142938"/>
                </a:cubicBezTo>
                <a:cubicBezTo>
                  <a:pt x="6138083" y="137090"/>
                  <a:pt x="6140195" y="184383"/>
                  <a:pt x="6194152" y="151772"/>
                </a:cubicBezTo>
                <a:cubicBezTo>
                  <a:pt x="6187280" y="177783"/>
                  <a:pt x="6304222" y="153410"/>
                  <a:pt x="6281379" y="181626"/>
                </a:cubicBezTo>
                <a:cubicBezTo>
                  <a:pt x="6321899" y="201819"/>
                  <a:pt x="6335111" y="162590"/>
                  <a:pt x="6374947" y="179799"/>
                </a:cubicBezTo>
                <a:cubicBezTo>
                  <a:pt x="6417404" y="181336"/>
                  <a:pt x="6402484" y="169694"/>
                  <a:pt x="6448518" y="164378"/>
                </a:cubicBezTo>
                <a:cubicBezTo>
                  <a:pt x="6504958" y="162488"/>
                  <a:pt x="6493438" y="111203"/>
                  <a:pt x="6544700" y="167161"/>
                </a:cubicBezTo>
                <a:cubicBezTo>
                  <a:pt x="6601507" y="148697"/>
                  <a:pt x="6566269" y="164386"/>
                  <a:pt x="6648353" y="172250"/>
                </a:cubicBezTo>
                <a:cubicBezTo>
                  <a:pt x="6680008" y="155223"/>
                  <a:pt x="6707960" y="160673"/>
                  <a:pt x="6736227" y="173216"/>
                </a:cubicBezTo>
                <a:cubicBezTo>
                  <a:pt x="6813963" y="164284"/>
                  <a:pt x="6888143" y="181296"/>
                  <a:pt x="6977218" y="184289"/>
                </a:cubicBezTo>
                <a:cubicBezTo>
                  <a:pt x="7040424" y="188318"/>
                  <a:pt x="7000278" y="216835"/>
                  <a:pt x="7065221" y="227531"/>
                </a:cubicBezTo>
                <a:cubicBezTo>
                  <a:pt x="7130163" y="238228"/>
                  <a:pt x="7291878" y="238208"/>
                  <a:pt x="7366876" y="248468"/>
                </a:cubicBezTo>
                <a:cubicBezTo>
                  <a:pt x="7491356" y="206752"/>
                  <a:pt x="7367734" y="280166"/>
                  <a:pt x="7565449" y="258950"/>
                </a:cubicBezTo>
                <a:cubicBezTo>
                  <a:pt x="7575959" y="252432"/>
                  <a:pt x="7600854" y="257628"/>
                  <a:pt x="7599285" y="266021"/>
                </a:cubicBezTo>
                <a:cubicBezTo>
                  <a:pt x="7611616" y="262940"/>
                  <a:pt x="7639946" y="245819"/>
                  <a:pt x="7644411" y="258986"/>
                </a:cubicBezTo>
                <a:cubicBezTo>
                  <a:pt x="7708015" y="258012"/>
                  <a:pt x="7770249" y="247724"/>
                  <a:pt x="7825110" y="229109"/>
                </a:cubicBezTo>
                <a:cubicBezTo>
                  <a:pt x="7949762" y="247028"/>
                  <a:pt x="7921956" y="197757"/>
                  <a:pt x="7965804" y="190545"/>
                </a:cubicBezTo>
                <a:cubicBezTo>
                  <a:pt x="8039439" y="213878"/>
                  <a:pt x="8063651" y="191475"/>
                  <a:pt x="8147401" y="205617"/>
                </a:cubicBezTo>
                <a:cubicBezTo>
                  <a:pt x="8166453" y="196610"/>
                  <a:pt x="8225048" y="207099"/>
                  <a:pt x="8256033" y="193713"/>
                </a:cubicBezTo>
                <a:cubicBezTo>
                  <a:pt x="8311388" y="242017"/>
                  <a:pt x="8350376" y="178592"/>
                  <a:pt x="8410677" y="172167"/>
                </a:cubicBezTo>
                <a:cubicBezTo>
                  <a:pt x="8470978" y="165743"/>
                  <a:pt x="8572470" y="206385"/>
                  <a:pt x="8617841" y="155167"/>
                </a:cubicBezTo>
                <a:cubicBezTo>
                  <a:pt x="8646050" y="160448"/>
                  <a:pt x="8664949" y="183631"/>
                  <a:pt x="8715976" y="178374"/>
                </a:cubicBezTo>
                <a:cubicBezTo>
                  <a:pt x="8737194" y="188216"/>
                  <a:pt x="8738009" y="189511"/>
                  <a:pt x="8778827" y="172936"/>
                </a:cubicBezTo>
                <a:cubicBezTo>
                  <a:pt x="8725277" y="146372"/>
                  <a:pt x="8850819" y="175612"/>
                  <a:pt x="8840778" y="143149"/>
                </a:cubicBezTo>
                <a:cubicBezTo>
                  <a:pt x="8903519" y="121096"/>
                  <a:pt x="9021861" y="150359"/>
                  <a:pt x="9010380" y="91891"/>
                </a:cubicBezTo>
                <a:cubicBezTo>
                  <a:pt x="9027103" y="56852"/>
                  <a:pt x="9112524" y="108357"/>
                  <a:pt x="9110856" y="70997"/>
                </a:cubicBezTo>
                <a:cubicBezTo>
                  <a:pt x="9148189" y="94250"/>
                  <a:pt x="9209809" y="53285"/>
                  <a:pt x="9268817" y="53082"/>
                </a:cubicBezTo>
                <a:cubicBezTo>
                  <a:pt x="9279135" y="35997"/>
                  <a:pt x="9292736" y="36520"/>
                  <a:pt x="9316667" y="45047"/>
                </a:cubicBezTo>
                <a:cubicBezTo>
                  <a:pt x="9352186" y="45862"/>
                  <a:pt x="9390008" y="39799"/>
                  <a:pt x="9428209" y="29923"/>
                </a:cubicBezTo>
                <a:close/>
              </a:path>
            </a:pathLst>
          </a:custGeom>
          <a:solidFill>
            <a:srgbClr val="82766A">
              <a:alpha val="1500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02000611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8" name="Rectangle 7">
            <a:extLst>
              <a:ext uri="{FF2B5EF4-FFF2-40B4-BE49-F238E27FC236}">
                <a16:creationId xmlns:a16="http://schemas.microsoft.com/office/drawing/2014/main" id="{C9A36457-A5F4-4103-A443-02581C09185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Freeform: Shape 9">
            <a:extLst>
              <a:ext uri="{FF2B5EF4-FFF2-40B4-BE49-F238E27FC236}">
                <a16:creationId xmlns:a16="http://schemas.microsoft.com/office/drawing/2014/main" id="{DC5FB7E8-B636-40FA-BE8D-48145C0F5C57}"/>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4"/>
            <a:ext cx="12192000" cy="2295238"/>
          </a:xfrm>
          <a:custGeom>
            <a:avLst/>
            <a:gdLst>
              <a:gd name="connsiteX0" fmla="*/ 12160143 w 12192000"/>
              <a:gd name="connsiteY0" fmla="*/ 831692 h 2079137"/>
              <a:gd name="connsiteX1" fmla="*/ 12159112 w 12192000"/>
              <a:gd name="connsiteY1" fmla="*/ 833361 h 2079137"/>
              <a:gd name="connsiteX2" fmla="*/ 12158912 w 12192000"/>
              <a:gd name="connsiteY2" fmla="*/ 832430 h 2079137"/>
              <a:gd name="connsiteX3" fmla="*/ 0 w 12192000"/>
              <a:gd name="connsiteY3" fmla="*/ 0 h 2079137"/>
              <a:gd name="connsiteX4" fmla="*/ 12192000 w 12192000"/>
              <a:gd name="connsiteY4" fmla="*/ 0 h 2079137"/>
              <a:gd name="connsiteX5" fmla="*/ 12192000 w 12192000"/>
              <a:gd name="connsiteY5" fmla="*/ 558063 h 2079137"/>
              <a:gd name="connsiteX6" fmla="*/ 12189259 w 12192000"/>
              <a:gd name="connsiteY6" fmla="*/ 810508 h 2079137"/>
              <a:gd name="connsiteX7" fmla="*/ 12170847 w 12192000"/>
              <a:gd name="connsiteY7" fmla="*/ 825280 h 2079137"/>
              <a:gd name="connsiteX8" fmla="*/ 12160143 w 12192000"/>
              <a:gd name="connsiteY8" fmla="*/ 831692 h 2079137"/>
              <a:gd name="connsiteX9" fmla="*/ 12163806 w 12192000"/>
              <a:gd name="connsiteY9" fmla="*/ 825759 h 2079137"/>
              <a:gd name="connsiteX10" fmla="*/ 12056557 w 12192000"/>
              <a:gd name="connsiteY10" fmla="*/ 810176 h 2079137"/>
              <a:gd name="connsiteX11" fmla="*/ 11900316 w 12192000"/>
              <a:gd name="connsiteY11" fmla="*/ 789618 h 2079137"/>
              <a:gd name="connsiteX12" fmla="*/ 11791206 w 12192000"/>
              <a:gd name="connsiteY12" fmla="*/ 824176 h 2079137"/>
              <a:gd name="connsiteX13" fmla="*/ 11659257 w 12192000"/>
              <a:gd name="connsiteY13" fmla="*/ 800841 h 2079137"/>
              <a:gd name="connsiteX14" fmla="*/ 11569789 w 12192000"/>
              <a:gd name="connsiteY14" fmla="*/ 797135 h 2079137"/>
              <a:gd name="connsiteX15" fmla="*/ 11367885 w 12192000"/>
              <a:gd name="connsiteY15" fmla="*/ 791985 h 2079137"/>
              <a:gd name="connsiteX16" fmla="*/ 11174663 w 12192000"/>
              <a:gd name="connsiteY16" fmla="*/ 788721 h 2079137"/>
              <a:gd name="connsiteX17" fmla="*/ 11068220 w 12192000"/>
              <a:gd name="connsiteY17" fmla="*/ 786994 h 2079137"/>
              <a:gd name="connsiteX18" fmla="*/ 10893266 w 12192000"/>
              <a:gd name="connsiteY18" fmla="*/ 794013 h 2079137"/>
              <a:gd name="connsiteX19" fmla="*/ 10844025 w 12192000"/>
              <a:gd name="connsiteY19" fmla="*/ 789857 h 2079137"/>
              <a:gd name="connsiteX20" fmla="*/ 10814353 w 12192000"/>
              <a:gd name="connsiteY20" fmla="*/ 789010 h 2079137"/>
              <a:gd name="connsiteX21" fmla="*/ 10748393 w 12192000"/>
              <a:gd name="connsiteY21" fmla="*/ 806738 h 2079137"/>
              <a:gd name="connsiteX22" fmla="*/ 10468256 w 12192000"/>
              <a:gd name="connsiteY22" fmla="*/ 778733 h 2079137"/>
              <a:gd name="connsiteX23" fmla="*/ 10256131 w 12192000"/>
              <a:gd name="connsiteY23" fmla="*/ 788332 h 2079137"/>
              <a:gd name="connsiteX24" fmla="*/ 10177442 w 12192000"/>
              <a:gd name="connsiteY24" fmla="*/ 777371 h 2079137"/>
              <a:gd name="connsiteX25" fmla="*/ 10006086 w 12192000"/>
              <a:gd name="connsiteY25" fmla="*/ 792651 h 2079137"/>
              <a:gd name="connsiteX26" fmla="*/ 9952382 w 12192000"/>
              <a:gd name="connsiteY26" fmla="*/ 815411 h 2079137"/>
              <a:gd name="connsiteX27" fmla="*/ 9926457 w 12192000"/>
              <a:gd name="connsiteY27" fmla="*/ 827295 h 2079137"/>
              <a:gd name="connsiteX28" fmla="*/ 9843405 w 12192000"/>
              <a:gd name="connsiteY28" fmla="*/ 867046 h 2079137"/>
              <a:gd name="connsiteX29" fmla="*/ 9830866 w 12192000"/>
              <a:gd name="connsiteY29" fmla="*/ 875047 h 2079137"/>
              <a:gd name="connsiteX30" fmla="*/ 9801807 w 12192000"/>
              <a:gd name="connsiteY30" fmla="*/ 872272 h 2079137"/>
              <a:gd name="connsiteX31" fmla="*/ 9785653 w 12192000"/>
              <a:gd name="connsiteY31" fmla="*/ 861743 h 2079137"/>
              <a:gd name="connsiteX32" fmla="*/ 9781177 w 12192000"/>
              <a:gd name="connsiteY32" fmla="*/ 864820 h 2079137"/>
              <a:gd name="connsiteX33" fmla="*/ 9768640 w 12192000"/>
              <a:gd name="connsiteY33" fmla="*/ 869379 h 2079137"/>
              <a:gd name="connsiteX34" fmla="*/ 9712211 w 12192000"/>
              <a:gd name="connsiteY34" fmla="*/ 900283 h 2079137"/>
              <a:gd name="connsiteX35" fmla="*/ 9689465 w 12192000"/>
              <a:gd name="connsiteY35" fmla="*/ 899268 h 2079137"/>
              <a:gd name="connsiteX36" fmla="*/ 9600339 w 12192000"/>
              <a:gd name="connsiteY36" fmla="*/ 922112 h 2079137"/>
              <a:gd name="connsiteX37" fmla="*/ 9582850 w 12192000"/>
              <a:gd name="connsiteY37" fmla="*/ 925510 h 2079137"/>
              <a:gd name="connsiteX38" fmla="*/ 9549638 w 12192000"/>
              <a:gd name="connsiteY38" fmla="*/ 940845 h 2079137"/>
              <a:gd name="connsiteX39" fmla="*/ 9539471 w 12192000"/>
              <a:gd name="connsiteY39" fmla="*/ 941799 h 2079137"/>
              <a:gd name="connsiteX40" fmla="*/ 9505592 w 12192000"/>
              <a:gd name="connsiteY40" fmla="*/ 955533 h 2079137"/>
              <a:gd name="connsiteX41" fmla="*/ 9432569 w 12192000"/>
              <a:gd name="connsiteY41" fmla="*/ 985377 h 2079137"/>
              <a:gd name="connsiteX42" fmla="*/ 9414216 w 12192000"/>
              <a:gd name="connsiteY42" fmla="*/ 992655 h 2079137"/>
              <a:gd name="connsiteX43" fmla="*/ 9397106 w 12192000"/>
              <a:gd name="connsiteY43" fmla="*/ 992980 h 2079137"/>
              <a:gd name="connsiteX44" fmla="*/ 9305108 w 12192000"/>
              <a:gd name="connsiteY44" fmla="*/ 1007767 h 2079137"/>
              <a:gd name="connsiteX45" fmla="*/ 9282434 w 12192000"/>
              <a:gd name="connsiteY45" fmla="*/ 1007523 h 2079137"/>
              <a:gd name="connsiteX46" fmla="*/ 9271941 w 12192000"/>
              <a:gd name="connsiteY46" fmla="*/ 1002839 h 2079137"/>
              <a:gd name="connsiteX47" fmla="*/ 9238227 w 12192000"/>
              <a:gd name="connsiteY47" fmla="*/ 1017668 h 2079137"/>
              <a:gd name="connsiteX48" fmla="*/ 9184265 w 12192000"/>
              <a:gd name="connsiteY48" fmla="*/ 1031275 h 2079137"/>
              <a:gd name="connsiteX49" fmla="*/ 9159000 w 12192000"/>
              <a:gd name="connsiteY49" fmla="*/ 1039569 h 2079137"/>
              <a:gd name="connsiteX50" fmla="*/ 9137031 w 12192000"/>
              <a:gd name="connsiteY50" fmla="*/ 1038699 h 2079137"/>
              <a:gd name="connsiteX51" fmla="*/ 9015702 w 12192000"/>
              <a:gd name="connsiteY51" fmla="*/ 1051400 h 2079137"/>
              <a:gd name="connsiteX52" fmla="*/ 8971403 w 12192000"/>
              <a:gd name="connsiteY52" fmla="*/ 1040542 h 2079137"/>
              <a:gd name="connsiteX53" fmla="*/ 8961826 w 12192000"/>
              <a:gd name="connsiteY53" fmla="*/ 1045364 h 2079137"/>
              <a:gd name="connsiteX54" fmla="*/ 8888623 w 12192000"/>
              <a:gd name="connsiteY54" fmla="*/ 1053908 h 2079137"/>
              <a:gd name="connsiteX55" fmla="*/ 8841066 w 12192000"/>
              <a:gd name="connsiteY55" fmla="*/ 1060421 h 2079137"/>
              <a:gd name="connsiteX56" fmla="*/ 8752342 w 12192000"/>
              <a:gd name="connsiteY56" fmla="*/ 1080646 h 2079137"/>
              <a:gd name="connsiteX57" fmla="*/ 8699139 w 12192000"/>
              <a:gd name="connsiteY57" fmla="*/ 1087885 h 2079137"/>
              <a:gd name="connsiteX58" fmla="*/ 8667273 w 12192000"/>
              <a:gd name="connsiteY58" fmla="*/ 1092062 h 2079137"/>
              <a:gd name="connsiteX59" fmla="*/ 8586064 w 12192000"/>
              <a:gd name="connsiteY59" fmla="*/ 1114603 h 2079137"/>
              <a:gd name="connsiteX60" fmla="*/ 8460312 w 12192000"/>
              <a:gd name="connsiteY60" fmla="*/ 1179878 h 2079137"/>
              <a:gd name="connsiteX61" fmla="*/ 8419023 w 12192000"/>
              <a:gd name="connsiteY61" fmla="*/ 1191748 h 2079137"/>
              <a:gd name="connsiteX62" fmla="*/ 8410939 w 12192000"/>
              <a:gd name="connsiteY62" fmla="*/ 1189696 h 2079137"/>
              <a:gd name="connsiteX63" fmla="*/ 8362040 w 12192000"/>
              <a:gd name="connsiteY63" fmla="*/ 1220820 h 2079137"/>
              <a:gd name="connsiteX64" fmla="*/ 8273677 w 12192000"/>
              <a:gd name="connsiteY64" fmla="*/ 1236495 h 2079137"/>
              <a:gd name="connsiteX65" fmla="*/ 8204283 w 12192000"/>
              <a:gd name="connsiteY65" fmla="*/ 1243537 h 2079137"/>
              <a:gd name="connsiteX66" fmla="*/ 8166550 w 12192000"/>
              <a:gd name="connsiteY66" fmla="*/ 1249551 h 2079137"/>
              <a:gd name="connsiteX67" fmla="*/ 8137785 w 12192000"/>
              <a:gd name="connsiteY67" fmla="*/ 1251636 h 2079137"/>
              <a:gd name="connsiteX68" fmla="*/ 8071596 w 12192000"/>
              <a:gd name="connsiteY68" fmla="*/ 1269274 h 2079137"/>
              <a:gd name="connsiteX69" fmla="*/ 7964816 w 12192000"/>
              <a:gd name="connsiteY69" fmla="*/ 1303668 h 2079137"/>
              <a:gd name="connsiteX70" fmla="*/ 7941495 w 12192000"/>
              <a:gd name="connsiteY70" fmla="*/ 1309821 h 2079137"/>
              <a:gd name="connsiteX71" fmla="*/ 7919123 w 12192000"/>
              <a:gd name="connsiteY71" fmla="*/ 1310466 h 2079137"/>
              <a:gd name="connsiteX72" fmla="*/ 7911902 w 12192000"/>
              <a:gd name="connsiteY72" fmla="*/ 1306569 h 2079137"/>
              <a:gd name="connsiteX73" fmla="*/ 7898703 w 12192000"/>
              <a:gd name="connsiteY73" fmla="*/ 1309208 h 2079137"/>
              <a:gd name="connsiteX74" fmla="*/ 7894703 w 12192000"/>
              <a:gd name="connsiteY74" fmla="*/ 1308939 h 2079137"/>
              <a:gd name="connsiteX75" fmla="*/ 7872267 w 12192000"/>
              <a:gd name="connsiteY75" fmla="*/ 1308370 h 2079137"/>
              <a:gd name="connsiteX76" fmla="*/ 7836454 w 12192000"/>
              <a:gd name="connsiteY76" fmla="*/ 1331265 h 2079137"/>
              <a:gd name="connsiteX77" fmla="*/ 7782451 w 12192000"/>
              <a:gd name="connsiteY77" fmla="*/ 1339601 h 2079137"/>
              <a:gd name="connsiteX78" fmla="*/ 7542969 w 12192000"/>
              <a:gd name="connsiteY78" fmla="*/ 1372495 h 2079137"/>
              <a:gd name="connsiteX79" fmla="*/ 7476832 w 12192000"/>
              <a:gd name="connsiteY79" fmla="*/ 1431655 h 2079137"/>
              <a:gd name="connsiteX80" fmla="*/ 7370237 w 12192000"/>
              <a:gd name="connsiteY80" fmla="*/ 1474339 h 2079137"/>
              <a:gd name="connsiteX81" fmla="*/ 7222223 w 12192000"/>
              <a:gd name="connsiteY81" fmla="*/ 1510199 h 2079137"/>
              <a:gd name="connsiteX82" fmla="*/ 7215703 w 12192000"/>
              <a:gd name="connsiteY82" fmla="*/ 1520424 h 2079137"/>
              <a:gd name="connsiteX83" fmla="*/ 7204548 w 12192000"/>
              <a:gd name="connsiteY83" fmla="*/ 1528145 h 2079137"/>
              <a:gd name="connsiteX84" fmla="*/ 7202038 w 12192000"/>
              <a:gd name="connsiteY84" fmla="*/ 1527954 h 2079137"/>
              <a:gd name="connsiteX85" fmla="*/ 7173860 w 12192000"/>
              <a:gd name="connsiteY85" fmla="*/ 1541605 h 2079137"/>
              <a:gd name="connsiteX86" fmla="*/ 7155079 w 12192000"/>
              <a:gd name="connsiteY86" fmla="*/ 1552495 h 2079137"/>
              <a:gd name="connsiteX87" fmla="*/ 7149757 w 12192000"/>
              <a:gd name="connsiteY87" fmla="*/ 1552732 h 2079137"/>
              <a:gd name="connsiteX88" fmla="*/ 7104804 w 12192000"/>
              <a:gd name="connsiteY88" fmla="*/ 1565792 h 2079137"/>
              <a:gd name="connsiteX89" fmla="*/ 7082824 w 12192000"/>
              <a:gd name="connsiteY89" fmla="*/ 1567947 h 2079137"/>
              <a:gd name="connsiteX90" fmla="*/ 7021520 w 12192000"/>
              <a:gd name="connsiteY90" fmla="*/ 1562334 h 2079137"/>
              <a:gd name="connsiteX91" fmla="*/ 6988956 w 12192000"/>
              <a:gd name="connsiteY91" fmla="*/ 1576442 h 2079137"/>
              <a:gd name="connsiteX92" fmla="*/ 6981922 w 12192000"/>
              <a:gd name="connsiteY92" fmla="*/ 1578821 h 2079137"/>
              <a:gd name="connsiteX93" fmla="*/ 6981583 w 12192000"/>
              <a:gd name="connsiteY93" fmla="*/ 1578678 h 2079137"/>
              <a:gd name="connsiteX94" fmla="*/ 6973762 w 12192000"/>
              <a:gd name="connsiteY94" fmla="*/ 1580811 h 2079137"/>
              <a:gd name="connsiteX95" fmla="*/ 6969093 w 12192000"/>
              <a:gd name="connsiteY95" fmla="*/ 1583157 h 2079137"/>
              <a:gd name="connsiteX96" fmla="*/ 6890037 w 12192000"/>
              <a:gd name="connsiteY96" fmla="*/ 1575825 h 2079137"/>
              <a:gd name="connsiteX97" fmla="*/ 6785054 w 12192000"/>
              <a:gd name="connsiteY97" fmla="*/ 1582200 h 2079137"/>
              <a:gd name="connsiteX98" fmla="*/ 6681692 w 12192000"/>
              <a:gd name="connsiteY98" fmla="*/ 1591296 h 2079137"/>
              <a:gd name="connsiteX99" fmla="*/ 6644556 w 12192000"/>
              <a:gd name="connsiteY99" fmla="*/ 1595940 h 2079137"/>
              <a:gd name="connsiteX100" fmla="*/ 6577106 w 12192000"/>
              <a:gd name="connsiteY100" fmla="*/ 1598261 h 2079137"/>
              <a:gd name="connsiteX101" fmla="*/ 6544183 w 12192000"/>
              <a:gd name="connsiteY101" fmla="*/ 1596149 h 2079137"/>
              <a:gd name="connsiteX102" fmla="*/ 6540921 w 12192000"/>
              <a:gd name="connsiteY102" fmla="*/ 1593857 h 2079137"/>
              <a:gd name="connsiteX103" fmla="*/ 6535046 w 12192000"/>
              <a:gd name="connsiteY103" fmla="*/ 1593283 h 2079137"/>
              <a:gd name="connsiteX104" fmla="*/ 6519853 w 12192000"/>
              <a:gd name="connsiteY104" fmla="*/ 1595771 h 2079137"/>
              <a:gd name="connsiteX105" fmla="*/ 6514280 w 12192000"/>
              <a:gd name="connsiteY105" fmla="*/ 1597376 h 2079137"/>
              <a:gd name="connsiteX106" fmla="*/ 6505824 w 12192000"/>
              <a:gd name="connsiteY106" fmla="*/ 1598298 h 2079137"/>
              <a:gd name="connsiteX107" fmla="*/ 6505573 w 12192000"/>
              <a:gd name="connsiteY107" fmla="*/ 1598109 h 2079137"/>
              <a:gd name="connsiteX108" fmla="*/ 6497741 w 12192000"/>
              <a:gd name="connsiteY108" fmla="*/ 1599392 h 2079137"/>
              <a:gd name="connsiteX109" fmla="*/ 6459992 w 12192000"/>
              <a:gd name="connsiteY109" fmla="*/ 1608358 h 2079137"/>
              <a:gd name="connsiteX110" fmla="*/ 6404572 w 12192000"/>
              <a:gd name="connsiteY110" fmla="*/ 1593771 h 2079137"/>
              <a:gd name="connsiteX111" fmla="*/ 6382671 w 12192000"/>
              <a:gd name="connsiteY111" fmla="*/ 1592612 h 2079137"/>
              <a:gd name="connsiteX112" fmla="*/ 6369843 w 12192000"/>
              <a:gd name="connsiteY112" fmla="*/ 1590015 h 2079137"/>
              <a:gd name="connsiteX113" fmla="*/ 6269740 w 12192000"/>
              <a:gd name="connsiteY113" fmla="*/ 1614633 h 2079137"/>
              <a:gd name="connsiteX114" fmla="*/ 6255405 w 12192000"/>
              <a:gd name="connsiteY114" fmla="*/ 1620529 h 2079137"/>
              <a:gd name="connsiteX115" fmla="*/ 6244248 w 12192000"/>
              <a:gd name="connsiteY115" fmla="*/ 1629561 h 2079137"/>
              <a:gd name="connsiteX116" fmla="*/ 6086396 w 12192000"/>
              <a:gd name="connsiteY116" fmla="*/ 1642666 h 2079137"/>
              <a:gd name="connsiteX117" fmla="*/ 5867429 w 12192000"/>
              <a:gd name="connsiteY117" fmla="*/ 1695554 h 2079137"/>
              <a:gd name="connsiteX118" fmla="*/ 5772864 w 12192000"/>
              <a:gd name="connsiteY118" fmla="*/ 1689002 h 2079137"/>
              <a:gd name="connsiteX119" fmla="*/ 5629833 w 12192000"/>
              <a:gd name="connsiteY119" fmla="*/ 1713273 h 2079137"/>
              <a:gd name="connsiteX120" fmla="*/ 5504771 w 12192000"/>
              <a:gd name="connsiteY120" fmla="*/ 1725744 h 2079137"/>
              <a:gd name="connsiteX121" fmla="*/ 5490967 w 12192000"/>
              <a:gd name="connsiteY121" fmla="*/ 1726367 h 2079137"/>
              <a:gd name="connsiteX122" fmla="*/ 5486015 w 12192000"/>
              <a:gd name="connsiteY122" fmla="*/ 1721481 h 2079137"/>
              <a:gd name="connsiteX123" fmla="*/ 5439364 w 12192000"/>
              <a:gd name="connsiteY123" fmla="*/ 1721349 h 2079137"/>
              <a:gd name="connsiteX124" fmla="*/ 5350025 w 12192000"/>
              <a:gd name="connsiteY124" fmla="*/ 1729885 h 2079137"/>
              <a:gd name="connsiteX125" fmla="*/ 5336104 w 12192000"/>
              <a:gd name="connsiteY125" fmla="*/ 1734377 h 2079137"/>
              <a:gd name="connsiteX126" fmla="*/ 5245234 w 12192000"/>
              <a:gd name="connsiteY126" fmla="*/ 1738520 h 2079137"/>
              <a:gd name="connsiteX127" fmla="*/ 5182955 w 12192000"/>
              <a:gd name="connsiteY127" fmla="*/ 1744622 h 2079137"/>
              <a:gd name="connsiteX128" fmla="*/ 5169506 w 12192000"/>
              <a:gd name="connsiteY128" fmla="*/ 1748993 h 2079137"/>
              <a:gd name="connsiteX129" fmla="*/ 5154299 w 12192000"/>
              <a:gd name="connsiteY129" fmla="*/ 1744080 h 2079137"/>
              <a:gd name="connsiteX130" fmla="*/ 5149917 w 12192000"/>
              <a:gd name="connsiteY130" fmla="*/ 1739727 h 2079137"/>
              <a:gd name="connsiteX131" fmla="*/ 5100319 w 12192000"/>
              <a:gd name="connsiteY131" fmla="*/ 1745797 h 2079137"/>
              <a:gd name="connsiteX132" fmla="*/ 5094361 w 12192000"/>
              <a:gd name="connsiteY132" fmla="*/ 1745767 h 2079137"/>
              <a:gd name="connsiteX133" fmla="*/ 5053410 w 12192000"/>
              <a:gd name="connsiteY133" fmla="*/ 1742790 h 2079137"/>
              <a:gd name="connsiteX134" fmla="*/ 4992711 w 12192000"/>
              <a:gd name="connsiteY134" fmla="*/ 1734075 h 2079137"/>
              <a:gd name="connsiteX135" fmla="*/ 4930098 w 12192000"/>
              <a:gd name="connsiteY135" fmla="*/ 1717312 h 2079137"/>
              <a:gd name="connsiteX136" fmla="*/ 4893834 w 12192000"/>
              <a:gd name="connsiteY136" fmla="*/ 1710028 h 2079137"/>
              <a:gd name="connsiteX137" fmla="*/ 4868730 w 12192000"/>
              <a:gd name="connsiteY137" fmla="*/ 1702384 h 2079137"/>
              <a:gd name="connsiteX138" fmla="*/ 4797925 w 12192000"/>
              <a:gd name="connsiteY138" fmla="*/ 1695535 h 2079137"/>
              <a:gd name="connsiteX139" fmla="*/ 4677670 w 12192000"/>
              <a:gd name="connsiteY139" fmla="*/ 1689453 h 2079137"/>
              <a:gd name="connsiteX140" fmla="*/ 4634248 w 12192000"/>
              <a:gd name="connsiteY140" fmla="*/ 1680227 h 2079137"/>
              <a:gd name="connsiteX141" fmla="*/ 4632434 w 12192000"/>
              <a:gd name="connsiteY141" fmla="*/ 1674607 h 2079137"/>
              <a:gd name="connsiteX142" fmla="*/ 4619204 w 12192000"/>
              <a:gd name="connsiteY142" fmla="*/ 1672507 h 2079137"/>
              <a:gd name="connsiteX143" fmla="*/ 4616283 w 12192000"/>
              <a:gd name="connsiteY143" fmla="*/ 1670977 h 2079137"/>
              <a:gd name="connsiteX144" fmla="*/ 4598926 w 12192000"/>
              <a:gd name="connsiteY144" fmla="*/ 1663178 h 2079137"/>
              <a:gd name="connsiteX145" fmla="*/ 4547069 w 12192000"/>
              <a:gd name="connsiteY145" fmla="*/ 1670642 h 2079137"/>
              <a:gd name="connsiteX146" fmla="*/ 4523516 w 12192000"/>
              <a:gd name="connsiteY146" fmla="*/ 1669785 h 2079137"/>
              <a:gd name="connsiteX147" fmla="*/ 4500586 w 12192000"/>
              <a:gd name="connsiteY147" fmla="*/ 1675912 h 2079137"/>
              <a:gd name="connsiteX148" fmla="*/ 4488196 w 12192000"/>
              <a:gd name="connsiteY148" fmla="*/ 1683463 h 2079137"/>
              <a:gd name="connsiteX149" fmla="*/ 4445463 w 12192000"/>
              <a:gd name="connsiteY149" fmla="*/ 1695634 h 2079137"/>
              <a:gd name="connsiteX150" fmla="*/ 4446550 w 12192000"/>
              <a:gd name="connsiteY150" fmla="*/ 1680538 h 2079137"/>
              <a:gd name="connsiteX151" fmla="*/ 4365375 w 12192000"/>
              <a:gd name="connsiteY151" fmla="*/ 1697935 h 2079137"/>
              <a:gd name="connsiteX152" fmla="*/ 4305123 w 12192000"/>
              <a:gd name="connsiteY152" fmla="*/ 1714185 h 2079137"/>
              <a:gd name="connsiteX153" fmla="*/ 4292665 w 12192000"/>
              <a:gd name="connsiteY153" fmla="*/ 1720703 h 2079137"/>
              <a:gd name="connsiteX154" fmla="*/ 4276789 w 12192000"/>
              <a:gd name="connsiteY154" fmla="*/ 1718367 h 2079137"/>
              <a:gd name="connsiteX155" fmla="*/ 4271683 w 12192000"/>
              <a:gd name="connsiteY155" fmla="*/ 1714801 h 2079137"/>
              <a:gd name="connsiteX156" fmla="*/ 4223918 w 12192000"/>
              <a:gd name="connsiteY156" fmla="*/ 1728936 h 2079137"/>
              <a:gd name="connsiteX157" fmla="*/ 4218039 w 12192000"/>
              <a:gd name="connsiteY157" fmla="*/ 1729885 h 2079137"/>
              <a:gd name="connsiteX158" fmla="*/ 4177153 w 12192000"/>
              <a:gd name="connsiteY158" fmla="*/ 1733691 h 2079137"/>
              <a:gd name="connsiteX159" fmla="*/ 4051032 w 12192000"/>
              <a:gd name="connsiteY159" fmla="*/ 1728886 h 2079137"/>
              <a:gd name="connsiteX160" fmla="*/ 4013978 w 12192000"/>
              <a:gd name="connsiteY160" fmla="*/ 1727679 h 2079137"/>
              <a:gd name="connsiteX161" fmla="*/ 3987857 w 12192000"/>
              <a:gd name="connsiteY161" fmla="*/ 1724282 h 2079137"/>
              <a:gd name="connsiteX162" fmla="*/ 3916852 w 12192000"/>
              <a:gd name="connsiteY162" fmla="*/ 1729184 h 2079137"/>
              <a:gd name="connsiteX163" fmla="*/ 3797263 w 12192000"/>
              <a:gd name="connsiteY163" fmla="*/ 1742976 h 2079137"/>
              <a:gd name="connsiteX164" fmla="*/ 3752806 w 12192000"/>
              <a:gd name="connsiteY164" fmla="*/ 1741033 h 2079137"/>
              <a:gd name="connsiteX165" fmla="*/ 3749997 w 12192000"/>
              <a:gd name="connsiteY165" fmla="*/ 1735799 h 2079137"/>
              <a:gd name="connsiteX166" fmla="*/ 3736582 w 12192000"/>
              <a:gd name="connsiteY166" fmla="*/ 1735907 h 2079137"/>
              <a:gd name="connsiteX167" fmla="*/ 3733428 w 12192000"/>
              <a:gd name="connsiteY167" fmla="*/ 1734881 h 2079137"/>
              <a:gd name="connsiteX168" fmla="*/ 3714911 w 12192000"/>
              <a:gd name="connsiteY168" fmla="*/ 1730056 h 2079137"/>
              <a:gd name="connsiteX169" fmla="*/ 3665172 w 12192000"/>
              <a:gd name="connsiteY169" fmla="*/ 1745936 h 2079137"/>
              <a:gd name="connsiteX170" fmla="*/ 3552006 w 12192000"/>
              <a:gd name="connsiteY170" fmla="*/ 1755220 h 2079137"/>
              <a:gd name="connsiteX171" fmla="*/ 3390301 w 12192000"/>
              <a:gd name="connsiteY171" fmla="*/ 1762546 h 2079137"/>
              <a:gd name="connsiteX172" fmla="*/ 3264312 w 12192000"/>
              <a:gd name="connsiteY172" fmla="*/ 1774620 h 2079137"/>
              <a:gd name="connsiteX173" fmla="*/ 3106901 w 12192000"/>
              <a:gd name="connsiteY173" fmla="*/ 1804264 h 2079137"/>
              <a:gd name="connsiteX174" fmla="*/ 2993303 w 12192000"/>
              <a:gd name="connsiteY174" fmla="*/ 1806542 h 2079137"/>
              <a:gd name="connsiteX175" fmla="*/ 2979115 w 12192000"/>
              <a:gd name="connsiteY175" fmla="*/ 1815432 h 2079137"/>
              <a:gd name="connsiteX176" fmla="*/ 2963118 w 12192000"/>
              <a:gd name="connsiteY176" fmla="*/ 1820962 h 2079137"/>
              <a:gd name="connsiteX177" fmla="*/ 2961156 w 12192000"/>
              <a:gd name="connsiteY177" fmla="*/ 1820297 h 2079137"/>
              <a:gd name="connsiteX178" fmla="*/ 2925719 w 12192000"/>
              <a:gd name="connsiteY178" fmla="*/ 1828468 h 2079137"/>
              <a:gd name="connsiteX179" fmla="*/ 2857951 w 12192000"/>
              <a:gd name="connsiteY179" fmla="*/ 1842496 h 2079137"/>
              <a:gd name="connsiteX180" fmla="*/ 2857427 w 12192000"/>
              <a:gd name="connsiteY180" fmla="*/ 1841591 h 2079137"/>
              <a:gd name="connsiteX181" fmla="*/ 2846731 w 12192000"/>
              <a:gd name="connsiteY181" fmla="*/ 1839316 h 2079137"/>
              <a:gd name="connsiteX182" fmla="*/ 2826290 w 12192000"/>
              <a:gd name="connsiteY182" fmla="*/ 1837274 h 2079137"/>
              <a:gd name="connsiteX183" fmla="*/ 2779146 w 12192000"/>
              <a:gd name="connsiteY183" fmla="*/ 1820071 h 2079137"/>
              <a:gd name="connsiteX184" fmla="*/ 2739608 w 12192000"/>
              <a:gd name="connsiteY184" fmla="*/ 1827861 h 2079137"/>
              <a:gd name="connsiteX185" fmla="*/ 2731631 w 12192000"/>
              <a:gd name="connsiteY185" fmla="*/ 1828881 h 2079137"/>
              <a:gd name="connsiteX186" fmla="*/ 2731464 w 12192000"/>
              <a:gd name="connsiteY186" fmla="*/ 1828677 h 2079137"/>
              <a:gd name="connsiteX187" fmla="*/ 2723037 w 12192000"/>
              <a:gd name="connsiteY187" fmla="*/ 1829303 h 2079137"/>
              <a:gd name="connsiteX188" fmla="*/ 2701616 w 12192000"/>
              <a:gd name="connsiteY188" fmla="*/ 1832725 h 2079137"/>
              <a:gd name="connsiteX189" fmla="*/ 2696239 w 12192000"/>
              <a:gd name="connsiteY189" fmla="*/ 1831904 h 2079137"/>
              <a:gd name="connsiteX190" fmla="*/ 2663445 w 12192000"/>
              <a:gd name="connsiteY190" fmla="*/ 1825958 h 2079137"/>
              <a:gd name="connsiteX191" fmla="*/ 2560925 w 12192000"/>
              <a:gd name="connsiteY191" fmla="*/ 1829094 h 2079137"/>
              <a:gd name="connsiteX192" fmla="*/ 2458739 w 12192000"/>
              <a:gd name="connsiteY192" fmla="*/ 1834479 h 2079137"/>
              <a:gd name="connsiteX193" fmla="*/ 2356074 w 12192000"/>
              <a:gd name="connsiteY193" fmla="*/ 1836991 h 2079137"/>
              <a:gd name="connsiteX194" fmla="*/ 2304241 w 12192000"/>
              <a:gd name="connsiteY194" fmla="*/ 1822021 h 2079137"/>
              <a:gd name="connsiteX195" fmla="*/ 2298362 w 12192000"/>
              <a:gd name="connsiteY195" fmla="*/ 1822125 h 2079137"/>
              <a:gd name="connsiteX196" fmla="*/ 2283527 w 12192000"/>
              <a:gd name="connsiteY196" fmla="*/ 1826361 h 2079137"/>
              <a:gd name="connsiteX197" fmla="*/ 2278150 w 12192000"/>
              <a:gd name="connsiteY197" fmla="*/ 1828604 h 2079137"/>
              <a:gd name="connsiteX198" fmla="*/ 2269853 w 12192000"/>
              <a:gd name="connsiteY198" fmla="*/ 1830502 h 2079137"/>
              <a:gd name="connsiteX199" fmla="*/ 2269585 w 12192000"/>
              <a:gd name="connsiteY199" fmla="*/ 1830341 h 2079137"/>
              <a:gd name="connsiteX200" fmla="*/ 2225332 w 12192000"/>
              <a:gd name="connsiteY200" fmla="*/ 1845825 h 2079137"/>
              <a:gd name="connsiteX201" fmla="*/ 2169048 w 12192000"/>
              <a:gd name="connsiteY201" fmla="*/ 1837658 h 2079137"/>
              <a:gd name="connsiteX202" fmla="*/ 2147231 w 12192000"/>
              <a:gd name="connsiteY202" fmla="*/ 1839027 h 2079137"/>
              <a:gd name="connsiteX203" fmla="*/ 2135241 w 12192000"/>
              <a:gd name="connsiteY203" fmla="*/ 1838652 h 2079137"/>
              <a:gd name="connsiteX204" fmla="*/ 2099215 w 12192000"/>
              <a:gd name="connsiteY204" fmla="*/ 1850768 h 2079137"/>
              <a:gd name="connsiteX205" fmla="*/ 2094046 w 12192000"/>
              <a:gd name="connsiteY205" fmla="*/ 1850806 h 2079137"/>
              <a:gd name="connsiteX206" fmla="*/ 2071850 w 12192000"/>
              <a:gd name="connsiteY206" fmla="*/ 1861319 h 2079137"/>
              <a:gd name="connsiteX207" fmla="*/ 2039607 w 12192000"/>
              <a:gd name="connsiteY207" fmla="*/ 1874318 h 2079137"/>
              <a:gd name="connsiteX208" fmla="*/ 2037289 w 12192000"/>
              <a:gd name="connsiteY208" fmla="*/ 1874025 h 2079137"/>
              <a:gd name="connsiteX209" fmla="*/ 2023615 w 12192000"/>
              <a:gd name="connsiteY209" fmla="*/ 1881562 h 2079137"/>
              <a:gd name="connsiteX210" fmla="*/ 1957176 w 12192000"/>
              <a:gd name="connsiteY210" fmla="*/ 1898709 h 2079137"/>
              <a:gd name="connsiteX211" fmla="*/ 1858081 w 12192000"/>
              <a:gd name="connsiteY211" fmla="*/ 1923144 h 2079137"/>
              <a:gd name="connsiteX212" fmla="*/ 1738865 w 12192000"/>
              <a:gd name="connsiteY212" fmla="*/ 1944965 h 2079137"/>
              <a:gd name="connsiteX213" fmla="*/ 1616692 w 12192000"/>
              <a:gd name="connsiteY213" fmla="*/ 1989107 h 2079137"/>
              <a:gd name="connsiteX214" fmla="*/ 1411898 w 12192000"/>
              <a:gd name="connsiteY214" fmla="*/ 2046254 h 2079137"/>
              <a:gd name="connsiteX215" fmla="*/ 1375780 w 12192000"/>
              <a:gd name="connsiteY215" fmla="*/ 2047961 h 2079137"/>
              <a:gd name="connsiteX216" fmla="*/ 1375707 w 12192000"/>
              <a:gd name="connsiteY216" fmla="*/ 2047981 h 2079137"/>
              <a:gd name="connsiteX217" fmla="*/ 1285585 w 12192000"/>
              <a:gd name="connsiteY217" fmla="*/ 2047113 h 2079137"/>
              <a:gd name="connsiteX218" fmla="*/ 1263658 w 12192000"/>
              <a:gd name="connsiteY218" fmla="*/ 2041397 h 2079137"/>
              <a:gd name="connsiteX219" fmla="*/ 1170403 w 12192000"/>
              <a:gd name="connsiteY219" fmla="*/ 2033399 h 2079137"/>
              <a:gd name="connsiteX220" fmla="*/ 1153718 w 12192000"/>
              <a:gd name="connsiteY220" fmla="*/ 2029576 h 2079137"/>
              <a:gd name="connsiteX221" fmla="*/ 1133937 w 12192000"/>
              <a:gd name="connsiteY221" fmla="*/ 2032149 h 2079137"/>
              <a:gd name="connsiteX222" fmla="*/ 1054999 w 12192000"/>
              <a:gd name="connsiteY222" fmla="*/ 2043242 h 2079137"/>
              <a:gd name="connsiteX223" fmla="*/ 1018405 w 12192000"/>
              <a:gd name="connsiteY223" fmla="*/ 2048281 h 2079137"/>
              <a:gd name="connsiteX224" fmla="*/ 1016563 w 12192000"/>
              <a:gd name="connsiteY224" fmla="*/ 2051718 h 2079137"/>
              <a:gd name="connsiteX225" fmla="*/ 1008284 w 12192000"/>
              <a:gd name="connsiteY225" fmla="*/ 2046742 h 2079137"/>
              <a:gd name="connsiteX226" fmla="*/ 981974 w 12192000"/>
              <a:gd name="connsiteY226" fmla="*/ 2048363 h 2079137"/>
              <a:gd name="connsiteX227" fmla="*/ 971903 w 12192000"/>
              <a:gd name="connsiteY227" fmla="*/ 2053484 h 2079137"/>
              <a:gd name="connsiteX228" fmla="*/ 954015 w 12192000"/>
              <a:gd name="connsiteY228" fmla="*/ 2052529 h 2079137"/>
              <a:gd name="connsiteX229" fmla="*/ 839571 w 12192000"/>
              <a:gd name="connsiteY229" fmla="*/ 2046509 h 2079137"/>
              <a:gd name="connsiteX230" fmla="*/ 823321 w 12192000"/>
              <a:gd name="connsiteY230" fmla="*/ 2054296 h 2079137"/>
              <a:gd name="connsiteX231" fmla="*/ 800990 w 12192000"/>
              <a:gd name="connsiteY231" fmla="*/ 2051523 h 2079137"/>
              <a:gd name="connsiteX232" fmla="*/ 776439 w 12192000"/>
              <a:gd name="connsiteY232" fmla="*/ 2062634 h 2079137"/>
              <a:gd name="connsiteX233" fmla="*/ 763041 w 12192000"/>
              <a:gd name="connsiteY233" fmla="*/ 2063995 h 2079137"/>
              <a:gd name="connsiteX234" fmla="*/ 757863 w 12192000"/>
              <a:gd name="connsiteY234" fmla="*/ 2065877 h 2079137"/>
              <a:gd name="connsiteX235" fmla="*/ 745053 w 12192000"/>
              <a:gd name="connsiteY235" fmla="*/ 2051831 h 2079137"/>
              <a:gd name="connsiteX236" fmla="*/ 722609 w 12192000"/>
              <a:gd name="connsiteY236" fmla="*/ 2049504 h 2079137"/>
              <a:gd name="connsiteX237" fmla="*/ 717618 w 12192000"/>
              <a:gd name="connsiteY237" fmla="*/ 2042131 h 2079137"/>
              <a:gd name="connsiteX238" fmla="*/ 703285 w 12192000"/>
              <a:gd name="connsiteY238" fmla="*/ 2046808 h 2079137"/>
              <a:gd name="connsiteX239" fmla="*/ 680199 w 12192000"/>
              <a:gd name="connsiteY239" fmla="*/ 2051947 h 2079137"/>
              <a:gd name="connsiteX240" fmla="*/ 667351 w 12192000"/>
              <a:gd name="connsiteY240" fmla="*/ 2054469 h 2079137"/>
              <a:gd name="connsiteX241" fmla="*/ 660961 w 12192000"/>
              <a:gd name="connsiteY241" fmla="*/ 2049404 h 2079137"/>
              <a:gd name="connsiteX242" fmla="*/ 638282 w 12192000"/>
              <a:gd name="connsiteY242" fmla="*/ 2060093 h 2079137"/>
              <a:gd name="connsiteX243" fmla="*/ 583551 w 12192000"/>
              <a:gd name="connsiteY243" fmla="*/ 2070197 h 2079137"/>
              <a:gd name="connsiteX244" fmla="*/ 525274 w 12192000"/>
              <a:gd name="connsiteY244" fmla="*/ 2079137 h 2079137"/>
              <a:gd name="connsiteX245" fmla="*/ 405635 w 12192000"/>
              <a:gd name="connsiteY245" fmla="*/ 2059339 h 2079137"/>
              <a:gd name="connsiteX246" fmla="*/ 281555 w 12192000"/>
              <a:gd name="connsiteY246" fmla="*/ 2022847 h 2079137"/>
              <a:gd name="connsiteX247" fmla="*/ 98513 w 12192000"/>
              <a:gd name="connsiteY247" fmla="*/ 1969504 h 2079137"/>
              <a:gd name="connsiteX248" fmla="*/ 56191 w 12192000"/>
              <a:gd name="connsiteY248" fmla="*/ 1950709 h 2079137"/>
              <a:gd name="connsiteX249" fmla="*/ 0 w 12192000"/>
              <a:gd name="connsiteY249" fmla="*/ 1935789 h 2079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Lst>
            <a:rect l="l" t="t" r="r" b="b"/>
            <a:pathLst>
              <a:path w="12192000" h="2079137">
                <a:moveTo>
                  <a:pt x="12160143" y="831692"/>
                </a:moveTo>
                <a:lnTo>
                  <a:pt x="12159112" y="833361"/>
                </a:lnTo>
                <a:cubicBezTo>
                  <a:pt x="12157915" y="833832"/>
                  <a:pt x="12157402" y="833649"/>
                  <a:pt x="12158912" y="832430"/>
                </a:cubicBezTo>
                <a:close/>
                <a:moveTo>
                  <a:pt x="0" y="0"/>
                </a:moveTo>
                <a:lnTo>
                  <a:pt x="12192000" y="0"/>
                </a:lnTo>
                <a:lnTo>
                  <a:pt x="12192000" y="558063"/>
                </a:lnTo>
                <a:lnTo>
                  <a:pt x="12189259" y="810508"/>
                </a:lnTo>
                <a:lnTo>
                  <a:pt x="12170847" y="825280"/>
                </a:lnTo>
                <a:lnTo>
                  <a:pt x="12160143" y="831692"/>
                </a:lnTo>
                <a:lnTo>
                  <a:pt x="12163806" y="825759"/>
                </a:lnTo>
                <a:cubicBezTo>
                  <a:pt x="12125449" y="821525"/>
                  <a:pt x="12082203" y="824698"/>
                  <a:pt x="12056557" y="810176"/>
                </a:cubicBezTo>
                <a:cubicBezTo>
                  <a:pt x="12050902" y="790976"/>
                  <a:pt x="11923731" y="799312"/>
                  <a:pt x="11900316" y="789618"/>
                </a:cubicBezTo>
                <a:cubicBezTo>
                  <a:pt x="11841702" y="803374"/>
                  <a:pt x="11823963" y="832645"/>
                  <a:pt x="11791206" y="824176"/>
                </a:cubicBezTo>
                <a:cubicBezTo>
                  <a:pt x="11768977" y="817380"/>
                  <a:pt x="11683857" y="828947"/>
                  <a:pt x="11659257" y="800841"/>
                </a:cubicBezTo>
                <a:cubicBezTo>
                  <a:pt x="11617173" y="818107"/>
                  <a:pt x="11602556" y="790694"/>
                  <a:pt x="11569789" y="797135"/>
                </a:cubicBezTo>
                <a:cubicBezTo>
                  <a:pt x="11498310" y="795094"/>
                  <a:pt x="11458472" y="819882"/>
                  <a:pt x="11367885" y="791985"/>
                </a:cubicBezTo>
                <a:cubicBezTo>
                  <a:pt x="11325508" y="798158"/>
                  <a:pt x="11266580" y="755023"/>
                  <a:pt x="11174663" y="788721"/>
                </a:cubicBezTo>
                <a:cubicBezTo>
                  <a:pt x="11122703" y="792192"/>
                  <a:pt x="11150009" y="775410"/>
                  <a:pt x="11068220" y="786994"/>
                </a:cubicBezTo>
                <a:cubicBezTo>
                  <a:pt x="11046931" y="759861"/>
                  <a:pt x="10919185" y="793102"/>
                  <a:pt x="10893266" y="794013"/>
                </a:cubicBezTo>
                <a:cubicBezTo>
                  <a:pt x="10874184" y="776189"/>
                  <a:pt x="10862860" y="788743"/>
                  <a:pt x="10844025" y="789857"/>
                </a:cubicBezTo>
                <a:cubicBezTo>
                  <a:pt x="10836453" y="779294"/>
                  <a:pt x="10820690" y="778184"/>
                  <a:pt x="10814353" y="789010"/>
                </a:cubicBezTo>
                <a:cubicBezTo>
                  <a:pt x="10819669" y="816016"/>
                  <a:pt x="10754019" y="789067"/>
                  <a:pt x="10748393" y="806738"/>
                </a:cubicBezTo>
                <a:cubicBezTo>
                  <a:pt x="10687156" y="807873"/>
                  <a:pt x="10550299" y="781800"/>
                  <a:pt x="10468256" y="778733"/>
                </a:cubicBezTo>
                <a:cubicBezTo>
                  <a:pt x="10436666" y="770025"/>
                  <a:pt x="10371995" y="797252"/>
                  <a:pt x="10256131" y="788332"/>
                </a:cubicBezTo>
                <a:cubicBezTo>
                  <a:pt x="10240995" y="781626"/>
                  <a:pt x="10182664" y="765742"/>
                  <a:pt x="10177442" y="777371"/>
                </a:cubicBezTo>
                <a:cubicBezTo>
                  <a:pt x="10141447" y="775683"/>
                  <a:pt x="10030323" y="810071"/>
                  <a:pt x="10006086" y="792651"/>
                </a:cubicBezTo>
                <a:cubicBezTo>
                  <a:pt x="10009448" y="818833"/>
                  <a:pt x="9960389" y="791426"/>
                  <a:pt x="9952382" y="815411"/>
                </a:cubicBezTo>
                <a:lnTo>
                  <a:pt x="9926457" y="827295"/>
                </a:lnTo>
                <a:lnTo>
                  <a:pt x="9843405" y="867046"/>
                </a:lnTo>
                <a:lnTo>
                  <a:pt x="9830866" y="875047"/>
                </a:lnTo>
                <a:lnTo>
                  <a:pt x="9801807" y="872272"/>
                </a:lnTo>
                <a:lnTo>
                  <a:pt x="9785653" y="861743"/>
                </a:lnTo>
                <a:lnTo>
                  <a:pt x="9781177" y="864820"/>
                </a:lnTo>
                <a:cubicBezTo>
                  <a:pt x="9776153" y="871003"/>
                  <a:pt x="9773556" y="874842"/>
                  <a:pt x="9768640" y="869379"/>
                </a:cubicBezTo>
                <a:lnTo>
                  <a:pt x="9712211" y="900283"/>
                </a:lnTo>
                <a:cubicBezTo>
                  <a:pt x="9706243" y="902750"/>
                  <a:pt x="9698952" y="902954"/>
                  <a:pt x="9689465" y="899268"/>
                </a:cubicBezTo>
                <a:cubicBezTo>
                  <a:pt x="9670819" y="902906"/>
                  <a:pt x="9618108" y="917739"/>
                  <a:pt x="9600339" y="922112"/>
                </a:cubicBezTo>
                <a:lnTo>
                  <a:pt x="9582850" y="925510"/>
                </a:lnTo>
                <a:cubicBezTo>
                  <a:pt x="9574400" y="928631"/>
                  <a:pt x="9556868" y="938130"/>
                  <a:pt x="9549638" y="940845"/>
                </a:cubicBezTo>
                <a:cubicBezTo>
                  <a:pt x="9543792" y="942327"/>
                  <a:pt x="9546812" y="939351"/>
                  <a:pt x="9539471" y="941799"/>
                </a:cubicBezTo>
                <a:cubicBezTo>
                  <a:pt x="9538994" y="947702"/>
                  <a:pt x="9536009" y="953248"/>
                  <a:pt x="9505592" y="955533"/>
                </a:cubicBezTo>
                <a:cubicBezTo>
                  <a:pt x="9486013" y="968563"/>
                  <a:pt x="9460860" y="978842"/>
                  <a:pt x="9432569" y="985377"/>
                </a:cubicBezTo>
                <a:cubicBezTo>
                  <a:pt x="9426990" y="980335"/>
                  <a:pt x="9418918" y="990185"/>
                  <a:pt x="9414216" y="992655"/>
                </a:cubicBezTo>
                <a:cubicBezTo>
                  <a:pt x="9412644" y="989014"/>
                  <a:pt x="9400057" y="989255"/>
                  <a:pt x="9397106" y="992980"/>
                </a:cubicBezTo>
                <a:cubicBezTo>
                  <a:pt x="9314093" y="1020862"/>
                  <a:pt x="9349678" y="978420"/>
                  <a:pt x="9305108" y="1007767"/>
                </a:cubicBezTo>
                <a:cubicBezTo>
                  <a:pt x="9296670" y="1010324"/>
                  <a:pt x="9289251" y="1009612"/>
                  <a:pt x="9282434" y="1007523"/>
                </a:cubicBezTo>
                <a:lnTo>
                  <a:pt x="9271941" y="1002839"/>
                </a:lnTo>
                <a:lnTo>
                  <a:pt x="9238227" y="1017668"/>
                </a:lnTo>
                <a:cubicBezTo>
                  <a:pt x="9221294" y="1023415"/>
                  <a:pt x="9203166" y="1027997"/>
                  <a:pt x="9184265" y="1031275"/>
                </a:cubicBezTo>
                <a:cubicBezTo>
                  <a:pt x="9178371" y="1024135"/>
                  <a:pt x="9165618" y="1036637"/>
                  <a:pt x="9159000" y="1039569"/>
                </a:cubicBezTo>
                <a:cubicBezTo>
                  <a:pt x="9157881" y="1034602"/>
                  <a:pt x="9141725" y="1033964"/>
                  <a:pt x="9137031" y="1038699"/>
                </a:cubicBezTo>
                <a:cubicBezTo>
                  <a:pt x="9023973" y="1069523"/>
                  <a:pt x="9079946" y="1015706"/>
                  <a:pt x="9015702" y="1051400"/>
                </a:cubicBezTo>
                <a:lnTo>
                  <a:pt x="8971403" y="1040542"/>
                </a:lnTo>
                <a:lnTo>
                  <a:pt x="8961826" y="1045364"/>
                </a:lnTo>
                <a:cubicBezTo>
                  <a:pt x="8922837" y="1050010"/>
                  <a:pt x="8909116" y="1040754"/>
                  <a:pt x="8888623" y="1053908"/>
                </a:cubicBezTo>
                <a:cubicBezTo>
                  <a:pt x="8850424" y="1035587"/>
                  <a:pt x="8865892" y="1054194"/>
                  <a:pt x="8841066" y="1060421"/>
                </a:cubicBezTo>
                <a:cubicBezTo>
                  <a:pt x="8818353" y="1064878"/>
                  <a:pt x="8775995" y="1076068"/>
                  <a:pt x="8752342" y="1080646"/>
                </a:cubicBezTo>
                <a:cubicBezTo>
                  <a:pt x="8736966" y="1099406"/>
                  <a:pt x="8723186" y="1079948"/>
                  <a:pt x="8699139" y="1087885"/>
                </a:cubicBezTo>
                <a:cubicBezTo>
                  <a:pt x="8688630" y="1095506"/>
                  <a:pt x="8680324" y="1097539"/>
                  <a:pt x="8667273" y="1092062"/>
                </a:cubicBezTo>
                <a:cubicBezTo>
                  <a:pt x="8619205" y="1128818"/>
                  <a:pt x="8634590" y="1097116"/>
                  <a:pt x="8586064" y="1114603"/>
                </a:cubicBezTo>
                <a:cubicBezTo>
                  <a:pt x="8544721" y="1131913"/>
                  <a:pt x="8496602" y="1145520"/>
                  <a:pt x="8460312" y="1179878"/>
                </a:cubicBezTo>
                <a:cubicBezTo>
                  <a:pt x="8454266" y="1189140"/>
                  <a:pt x="8435781" y="1194455"/>
                  <a:pt x="8419023" y="1191748"/>
                </a:cubicBezTo>
                <a:cubicBezTo>
                  <a:pt x="8416138" y="1191283"/>
                  <a:pt x="8413416" y="1190591"/>
                  <a:pt x="8410939" y="1189696"/>
                </a:cubicBezTo>
                <a:cubicBezTo>
                  <a:pt x="8390077" y="1213458"/>
                  <a:pt x="8370324" y="1205397"/>
                  <a:pt x="8362040" y="1220820"/>
                </a:cubicBezTo>
                <a:cubicBezTo>
                  <a:pt x="8320616" y="1231942"/>
                  <a:pt x="8281663" y="1222882"/>
                  <a:pt x="8273677" y="1236495"/>
                </a:cubicBezTo>
                <a:cubicBezTo>
                  <a:pt x="8251358" y="1238573"/>
                  <a:pt x="8216738" y="1228341"/>
                  <a:pt x="8204283" y="1243537"/>
                </a:cubicBezTo>
                <a:cubicBezTo>
                  <a:pt x="8198634" y="1233135"/>
                  <a:pt x="8181550" y="1254947"/>
                  <a:pt x="8166550" y="1249551"/>
                </a:cubicBezTo>
                <a:cubicBezTo>
                  <a:pt x="8155570" y="1244572"/>
                  <a:pt x="8147825" y="1250027"/>
                  <a:pt x="8137785" y="1251636"/>
                </a:cubicBezTo>
                <a:cubicBezTo>
                  <a:pt x="8123427" y="1248361"/>
                  <a:pt x="8081662" y="1261833"/>
                  <a:pt x="8071596" y="1269274"/>
                </a:cubicBezTo>
                <a:cubicBezTo>
                  <a:pt x="8048949" y="1293759"/>
                  <a:pt x="7983924" y="1284712"/>
                  <a:pt x="7964816" y="1303668"/>
                </a:cubicBezTo>
                <a:cubicBezTo>
                  <a:pt x="7957137" y="1306992"/>
                  <a:pt x="7949335" y="1308861"/>
                  <a:pt x="7941495" y="1309821"/>
                </a:cubicBezTo>
                <a:lnTo>
                  <a:pt x="7919123" y="1310466"/>
                </a:lnTo>
                <a:lnTo>
                  <a:pt x="7911902" y="1306569"/>
                </a:lnTo>
                <a:lnTo>
                  <a:pt x="7898703" y="1309208"/>
                </a:lnTo>
                <a:lnTo>
                  <a:pt x="7894703" y="1308939"/>
                </a:lnTo>
                <a:lnTo>
                  <a:pt x="7872267" y="1308370"/>
                </a:lnTo>
                <a:cubicBezTo>
                  <a:pt x="7886550" y="1330359"/>
                  <a:pt x="7812648" y="1314851"/>
                  <a:pt x="7836454" y="1331265"/>
                </a:cubicBezTo>
                <a:cubicBezTo>
                  <a:pt x="7798907" y="1336933"/>
                  <a:pt x="7831419" y="1351068"/>
                  <a:pt x="7782451" y="1339601"/>
                </a:cubicBezTo>
                <a:cubicBezTo>
                  <a:pt x="7727636" y="1365002"/>
                  <a:pt x="7583002" y="1338768"/>
                  <a:pt x="7542969" y="1372495"/>
                </a:cubicBezTo>
                <a:cubicBezTo>
                  <a:pt x="7546396" y="1360942"/>
                  <a:pt x="7492851" y="1424323"/>
                  <a:pt x="7476832" y="1431655"/>
                </a:cubicBezTo>
                <a:cubicBezTo>
                  <a:pt x="7439619" y="1443703"/>
                  <a:pt x="7425596" y="1454661"/>
                  <a:pt x="7370237" y="1474339"/>
                </a:cubicBezTo>
                <a:cubicBezTo>
                  <a:pt x="7316246" y="1485928"/>
                  <a:pt x="7281903" y="1512712"/>
                  <a:pt x="7222223" y="1510199"/>
                </a:cubicBezTo>
                <a:cubicBezTo>
                  <a:pt x="7221190" y="1514030"/>
                  <a:pt x="7218885" y="1517398"/>
                  <a:pt x="7215703" y="1520424"/>
                </a:cubicBezTo>
                <a:lnTo>
                  <a:pt x="7204548" y="1528145"/>
                </a:lnTo>
                <a:lnTo>
                  <a:pt x="7202038" y="1527954"/>
                </a:lnTo>
                <a:lnTo>
                  <a:pt x="7173860" y="1541605"/>
                </a:lnTo>
                <a:lnTo>
                  <a:pt x="7155079" y="1552495"/>
                </a:lnTo>
                <a:lnTo>
                  <a:pt x="7149757" y="1552732"/>
                </a:lnTo>
                <a:cubicBezTo>
                  <a:pt x="7141378" y="1554948"/>
                  <a:pt x="7115959" y="1563256"/>
                  <a:pt x="7104804" y="1565792"/>
                </a:cubicBezTo>
                <a:cubicBezTo>
                  <a:pt x="7099811" y="1550850"/>
                  <a:pt x="7096935" y="1561973"/>
                  <a:pt x="7082824" y="1567947"/>
                </a:cubicBezTo>
                <a:cubicBezTo>
                  <a:pt x="7071919" y="1546070"/>
                  <a:pt x="7039417" y="1570606"/>
                  <a:pt x="7021520" y="1562334"/>
                </a:cubicBezTo>
                <a:cubicBezTo>
                  <a:pt x="7011400" y="1567217"/>
                  <a:pt x="7000495" y="1571981"/>
                  <a:pt x="6988956" y="1576442"/>
                </a:cubicBezTo>
                <a:lnTo>
                  <a:pt x="6981922" y="1578821"/>
                </a:lnTo>
                <a:lnTo>
                  <a:pt x="6981583" y="1578678"/>
                </a:lnTo>
                <a:cubicBezTo>
                  <a:pt x="6979627" y="1578791"/>
                  <a:pt x="6977153" y="1579421"/>
                  <a:pt x="6973762" y="1580811"/>
                </a:cubicBezTo>
                <a:lnTo>
                  <a:pt x="6969093" y="1583157"/>
                </a:lnTo>
                <a:lnTo>
                  <a:pt x="6890037" y="1575825"/>
                </a:lnTo>
                <a:cubicBezTo>
                  <a:pt x="6849459" y="1579997"/>
                  <a:pt x="6820022" y="1566922"/>
                  <a:pt x="6785054" y="1582200"/>
                </a:cubicBezTo>
                <a:cubicBezTo>
                  <a:pt x="6747047" y="1586037"/>
                  <a:pt x="6712794" y="1582954"/>
                  <a:pt x="6681692" y="1591296"/>
                </a:cubicBezTo>
                <a:cubicBezTo>
                  <a:pt x="6667557" y="1587501"/>
                  <a:pt x="6654822" y="1586753"/>
                  <a:pt x="6644556" y="1595940"/>
                </a:cubicBezTo>
                <a:cubicBezTo>
                  <a:pt x="6608615" y="1597269"/>
                  <a:pt x="6597697" y="1587005"/>
                  <a:pt x="6577106" y="1598261"/>
                </a:cubicBezTo>
                <a:lnTo>
                  <a:pt x="6544183" y="1596149"/>
                </a:lnTo>
                <a:lnTo>
                  <a:pt x="6540921" y="1593857"/>
                </a:lnTo>
                <a:lnTo>
                  <a:pt x="6535046" y="1593283"/>
                </a:lnTo>
                <a:lnTo>
                  <a:pt x="6519853" y="1595771"/>
                </a:lnTo>
                <a:lnTo>
                  <a:pt x="6514280" y="1597376"/>
                </a:lnTo>
                <a:cubicBezTo>
                  <a:pt x="6510385" y="1598232"/>
                  <a:pt x="6507735" y="1598481"/>
                  <a:pt x="6505824" y="1598298"/>
                </a:cubicBezTo>
                <a:lnTo>
                  <a:pt x="6505573" y="1598109"/>
                </a:lnTo>
                <a:lnTo>
                  <a:pt x="6497741" y="1599392"/>
                </a:lnTo>
                <a:cubicBezTo>
                  <a:pt x="6484628" y="1602044"/>
                  <a:pt x="6471968" y="1605085"/>
                  <a:pt x="6459992" y="1608358"/>
                </a:cubicBezTo>
                <a:cubicBezTo>
                  <a:pt x="6447037" y="1597612"/>
                  <a:pt x="6404274" y="1616787"/>
                  <a:pt x="6404572" y="1593771"/>
                </a:cubicBezTo>
                <a:cubicBezTo>
                  <a:pt x="6388277" y="1597519"/>
                  <a:pt x="6380141" y="1607970"/>
                  <a:pt x="6382671" y="1592612"/>
                </a:cubicBezTo>
                <a:lnTo>
                  <a:pt x="6369843" y="1590015"/>
                </a:lnTo>
                <a:lnTo>
                  <a:pt x="6269740" y="1614633"/>
                </a:lnTo>
                <a:lnTo>
                  <a:pt x="6255405" y="1620529"/>
                </a:lnTo>
                <a:cubicBezTo>
                  <a:pt x="6250911" y="1623016"/>
                  <a:pt x="6247090" y="1625968"/>
                  <a:pt x="6244248" y="1629561"/>
                </a:cubicBezTo>
                <a:cubicBezTo>
                  <a:pt x="6188859" y="1618246"/>
                  <a:pt x="6143250" y="1639346"/>
                  <a:pt x="6086396" y="1642666"/>
                </a:cubicBezTo>
                <a:cubicBezTo>
                  <a:pt x="6024311" y="1653696"/>
                  <a:pt x="5889522" y="1686499"/>
                  <a:pt x="5867429" y="1695554"/>
                </a:cubicBezTo>
                <a:cubicBezTo>
                  <a:pt x="5848669" y="1700350"/>
                  <a:pt x="5763994" y="1699795"/>
                  <a:pt x="5772864" y="1689002"/>
                </a:cubicBezTo>
                <a:cubicBezTo>
                  <a:pt x="5718480" y="1716048"/>
                  <a:pt x="5694188" y="1696562"/>
                  <a:pt x="5629833" y="1713273"/>
                </a:cubicBezTo>
                <a:lnTo>
                  <a:pt x="5504771" y="1725744"/>
                </a:lnTo>
                <a:lnTo>
                  <a:pt x="5490967" y="1726367"/>
                </a:lnTo>
                <a:lnTo>
                  <a:pt x="5486015" y="1721481"/>
                </a:lnTo>
                <a:lnTo>
                  <a:pt x="5439364" y="1721349"/>
                </a:lnTo>
                <a:cubicBezTo>
                  <a:pt x="5418850" y="1733129"/>
                  <a:pt x="5381503" y="1725668"/>
                  <a:pt x="5350025" y="1729885"/>
                </a:cubicBezTo>
                <a:lnTo>
                  <a:pt x="5336104" y="1734377"/>
                </a:lnTo>
                <a:lnTo>
                  <a:pt x="5245234" y="1738520"/>
                </a:lnTo>
                <a:lnTo>
                  <a:pt x="5182955" y="1744622"/>
                </a:lnTo>
                <a:lnTo>
                  <a:pt x="5169506" y="1748993"/>
                </a:lnTo>
                <a:lnTo>
                  <a:pt x="5154299" y="1744080"/>
                </a:lnTo>
                <a:cubicBezTo>
                  <a:pt x="5152463" y="1742751"/>
                  <a:pt x="5150989" y="1741283"/>
                  <a:pt x="5149917" y="1739727"/>
                </a:cubicBezTo>
                <a:lnTo>
                  <a:pt x="5100319" y="1745797"/>
                </a:lnTo>
                <a:lnTo>
                  <a:pt x="5094361" y="1745767"/>
                </a:lnTo>
                <a:lnTo>
                  <a:pt x="5053410" y="1742790"/>
                </a:lnTo>
                <a:lnTo>
                  <a:pt x="4992711" y="1734075"/>
                </a:lnTo>
                <a:cubicBezTo>
                  <a:pt x="4972764" y="1728527"/>
                  <a:pt x="4955480" y="1708667"/>
                  <a:pt x="4930098" y="1717312"/>
                </a:cubicBezTo>
                <a:cubicBezTo>
                  <a:pt x="4936142" y="1706767"/>
                  <a:pt x="4900350" y="1719438"/>
                  <a:pt x="4893834" y="1710028"/>
                </a:cubicBezTo>
                <a:cubicBezTo>
                  <a:pt x="4890113" y="1702277"/>
                  <a:pt x="4878389" y="1704314"/>
                  <a:pt x="4868730" y="1702384"/>
                </a:cubicBezTo>
                <a:cubicBezTo>
                  <a:pt x="4860577" y="1694955"/>
                  <a:pt x="4813519" y="1692594"/>
                  <a:pt x="4797925" y="1695535"/>
                </a:cubicBezTo>
                <a:cubicBezTo>
                  <a:pt x="4754973" y="1708626"/>
                  <a:pt x="4712186" y="1679830"/>
                  <a:pt x="4677670" y="1689453"/>
                </a:cubicBezTo>
                <a:cubicBezTo>
                  <a:pt x="4650390" y="1686902"/>
                  <a:pt x="4641786" y="1682702"/>
                  <a:pt x="4634248" y="1680227"/>
                </a:cubicBezTo>
                <a:lnTo>
                  <a:pt x="4632434" y="1674607"/>
                </a:lnTo>
                <a:lnTo>
                  <a:pt x="4619204" y="1672507"/>
                </a:lnTo>
                <a:lnTo>
                  <a:pt x="4616283" y="1670977"/>
                </a:lnTo>
                <a:cubicBezTo>
                  <a:pt x="4610716" y="1668036"/>
                  <a:pt x="4605090" y="1665277"/>
                  <a:pt x="4598926" y="1663178"/>
                </a:cubicBezTo>
                <a:cubicBezTo>
                  <a:pt x="4588025" y="1686237"/>
                  <a:pt x="4544698" y="1649138"/>
                  <a:pt x="4547069" y="1670642"/>
                </a:cubicBezTo>
                <a:lnTo>
                  <a:pt x="4523516" y="1669785"/>
                </a:lnTo>
                <a:lnTo>
                  <a:pt x="4500586" y="1675912"/>
                </a:lnTo>
                <a:lnTo>
                  <a:pt x="4488196" y="1683463"/>
                </a:lnTo>
                <a:lnTo>
                  <a:pt x="4445463" y="1695634"/>
                </a:lnTo>
                <a:lnTo>
                  <a:pt x="4446550" y="1680538"/>
                </a:lnTo>
                <a:lnTo>
                  <a:pt x="4365375" y="1697935"/>
                </a:lnTo>
                <a:lnTo>
                  <a:pt x="4305123" y="1714185"/>
                </a:lnTo>
                <a:lnTo>
                  <a:pt x="4292665" y="1720703"/>
                </a:lnTo>
                <a:lnTo>
                  <a:pt x="4276789" y="1718367"/>
                </a:lnTo>
                <a:cubicBezTo>
                  <a:pt x="4274740" y="1717359"/>
                  <a:pt x="4273021" y="1716157"/>
                  <a:pt x="4271683" y="1714801"/>
                </a:cubicBezTo>
                <a:lnTo>
                  <a:pt x="4223918" y="1728936"/>
                </a:lnTo>
                <a:lnTo>
                  <a:pt x="4218039" y="1729885"/>
                </a:lnTo>
                <a:lnTo>
                  <a:pt x="4177153" y="1733691"/>
                </a:lnTo>
                <a:lnTo>
                  <a:pt x="4051032" y="1728886"/>
                </a:lnTo>
                <a:cubicBezTo>
                  <a:pt x="4055072" y="1717510"/>
                  <a:pt x="4022108" y="1735873"/>
                  <a:pt x="4013978" y="1727679"/>
                </a:cubicBezTo>
                <a:cubicBezTo>
                  <a:pt x="4008905" y="1720660"/>
                  <a:pt x="3997723" y="1724594"/>
                  <a:pt x="3987857" y="1724282"/>
                </a:cubicBezTo>
                <a:cubicBezTo>
                  <a:pt x="3978476" y="1718309"/>
                  <a:pt x="3931683" y="1723723"/>
                  <a:pt x="3916852" y="1729184"/>
                </a:cubicBezTo>
                <a:cubicBezTo>
                  <a:pt x="3876910" y="1749138"/>
                  <a:pt x="3829523" y="1727824"/>
                  <a:pt x="3797263" y="1742976"/>
                </a:cubicBezTo>
                <a:cubicBezTo>
                  <a:pt x="3769922" y="1744951"/>
                  <a:pt x="3760682" y="1742230"/>
                  <a:pt x="3752806" y="1741033"/>
                </a:cubicBezTo>
                <a:lnTo>
                  <a:pt x="3749997" y="1735799"/>
                </a:lnTo>
                <a:lnTo>
                  <a:pt x="3736582" y="1735907"/>
                </a:lnTo>
                <a:lnTo>
                  <a:pt x="3733428" y="1734881"/>
                </a:lnTo>
                <a:cubicBezTo>
                  <a:pt x="3727408" y="1732899"/>
                  <a:pt x="3721365" y="1731108"/>
                  <a:pt x="3714911" y="1730056"/>
                </a:cubicBezTo>
                <a:cubicBezTo>
                  <a:pt x="3708355" y="1754554"/>
                  <a:pt x="3658933" y="1725152"/>
                  <a:pt x="3665172" y="1745936"/>
                </a:cubicBezTo>
                <a:cubicBezTo>
                  <a:pt x="3628569" y="1744420"/>
                  <a:pt x="3583742" y="1775884"/>
                  <a:pt x="3552006" y="1755220"/>
                </a:cubicBezTo>
                <a:cubicBezTo>
                  <a:pt x="3497522" y="1758390"/>
                  <a:pt x="3448310" y="1757433"/>
                  <a:pt x="3390301" y="1762546"/>
                </a:cubicBezTo>
                <a:cubicBezTo>
                  <a:pt x="3345266" y="1774524"/>
                  <a:pt x="3297039" y="1758531"/>
                  <a:pt x="3264312" y="1774620"/>
                </a:cubicBezTo>
                <a:cubicBezTo>
                  <a:pt x="3212634" y="1771139"/>
                  <a:pt x="3147905" y="1780248"/>
                  <a:pt x="3106901" y="1804264"/>
                </a:cubicBezTo>
                <a:cubicBezTo>
                  <a:pt x="3051355" y="1805490"/>
                  <a:pt x="3041708" y="1820368"/>
                  <a:pt x="2993303" y="1806542"/>
                </a:cubicBezTo>
                <a:cubicBezTo>
                  <a:pt x="2989182" y="1810139"/>
                  <a:pt x="2984377" y="1813039"/>
                  <a:pt x="2979115" y="1815432"/>
                </a:cubicBezTo>
                <a:lnTo>
                  <a:pt x="2963118" y="1820962"/>
                </a:lnTo>
                <a:lnTo>
                  <a:pt x="2961156" y="1820297"/>
                </a:lnTo>
                <a:lnTo>
                  <a:pt x="2925719" y="1828468"/>
                </a:lnTo>
                <a:lnTo>
                  <a:pt x="2857951" y="1842496"/>
                </a:lnTo>
                <a:lnTo>
                  <a:pt x="2857427" y="1841591"/>
                </a:lnTo>
                <a:cubicBezTo>
                  <a:pt x="2855386" y="1839734"/>
                  <a:pt x="2852250" y="1838690"/>
                  <a:pt x="2846731" y="1839316"/>
                </a:cubicBezTo>
                <a:cubicBezTo>
                  <a:pt x="2855175" y="1823564"/>
                  <a:pt x="2843311" y="1834035"/>
                  <a:pt x="2826290" y="1837274"/>
                </a:cubicBezTo>
                <a:cubicBezTo>
                  <a:pt x="2835609" y="1813530"/>
                  <a:pt x="2787284" y="1831665"/>
                  <a:pt x="2779146" y="1820071"/>
                </a:cubicBezTo>
                <a:cubicBezTo>
                  <a:pt x="2766432" y="1822985"/>
                  <a:pt x="2753158" y="1825635"/>
                  <a:pt x="2739608" y="1827861"/>
                </a:cubicBezTo>
                <a:lnTo>
                  <a:pt x="2731631" y="1828881"/>
                </a:lnTo>
                <a:cubicBezTo>
                  <a:pt x="2731575" y="1828813"/>
                  <a:pt x="2731521" y="1828744"/>
                  <a:pt x="2731464" y="1828677"/>
                </a:cubicBezTo>
                <a:cubicBezTo>
                  <a:pt x="2729715" y="1828415"/>
                  <a:pt x="2727085" y="1828569"/>
                  <a:pt x="2723037" y="1829303"/>
                </a:cubicBezTo>
                <a:lnTo>
                  <a:pt x="2701616" y="1832725"/>
                </a:lnTo>
                <a:lnTo>
                  <a:pt x="2696239" y="1831904"/>
                </a:lnTo>
                <a:lnTo>
                  <a:pt x="2663445" y="1825958"/>
                </a:lnTo>
                <a:cubicBezTo>
                  <a:pt x="2641260" y="1825904"/>
                  <a:pt x="2595040" y="1827674"/>
                  <a:pt x="2560925" y="1829094"/>
                </a:cubicBezTo>
                <a:cubicBezTo>
                  <a:pt x="2527977" y="1836499"/>
                  <a:pt x="2496507" y="1831991"/>
                  <a:pt x="2458739" y="1834479"/>
                </a:cubicBezTo>
                <a:cubicBezTo>
                  <a:pt x="2419379" y="1848893"/>
                  <a:pt x="2396428" y="1834257"/>
                  <a:pt x="2356074" y="1836991"/>
                </a:cubicBezTo>
                <a:cubicBezTo>
                  <a:pt x="2323435" y="1857644"/>
                  <a:pt x="2325610" y="1826053"/>
                  <a:pt x="2304241" y="1822021"/>
                </a:cubicBezTo>
                <a:lnTo>
                  <a:pt x="2298362" y="1822125"/>
                </a:lnTo>
                <a:lnTo>
                  <a:pt x="2283527" y="1826361"/>
                </a:lnTo>
                <a:lnTo>
                  <a:pt x="2278150" y="1828604"/>
                </a:lnTo>
                <a:cubicBezTo>
                  <a:pt x="2274371" y="1829907"/>
                  <a:pt x="2271762" y="1830461"/>
                  <a:pt x="2269853" y="1830502"/>
                </a:cubicBezTo>
                <a:lnTo>
                  <a:pt x="2269585" y="1830341"/>
                </a:lnTo>
                <a:lnTo>
                  <a:pt x="2225332" y="1845825"/>
                </a:lnTo>
                <a:cubicBezTo>
                  <a:pt x="2211505" y="1836594"/>
                  <a:pt x="2170867" y="1860661"/>
                  <a:pt x="2169048" y="1837658"/>
                </a:cubicBezTo>
                <a:cubicBezTo>
                  <a:pt x="2153238" y="1843278"/>
                  <a:pt x="2146132" y="1854645"/>
                  <a:pt x="2147231" y="1839027"/>
                </a:cubicBezTo>
                <a:cubicBezTo>
                  <a:pt x="2141901" y="1840465"/>
                  <a:pt x="2138205" y="1840014"/>
                  <a:pt x="2135241" y="1838652"/>
                </a:cubicBezTo>
                <a:lnTo>
                  <a:pt x="2099215" y="1850768"/>
                </a:lnTo>
                <a:lnTo>
                  <a:pt x="2094046" y="1850806"/>
                </a:lnTo>
                <a:lnTo>
                  <a:pt x="2071850" y="1861319"/>
                </a:lnTo>
                <a:lnTo>
                  <a:pt x="2039607" y="1874318"/>
                </a:lnTo>
                <a:lnTo>
                  <a:pt x="2037289" y="1874025"/>
                </a:lnTo>
                <a:lnTo>
                  <a:pt x="2023615" y="1881562"/>
                </a:lnTo>
                <a:cubicBezTo>
                  <a:pt x="2019390" y="1884562"/>
                  <a:pt x="1959668" y="1894795"/>
                  <a:pt x="1957176" y="1898709"/>
                </a:cubicBezTo>
                <a:cubicBezTo>
                  <a:pt x="1901224" y="1893805"/>
                  <a:pt x="1914145" y="1913274"/>
                  <a:pt x="1858081" y="1923144"/>
                </a:cubicBezTo>
                <a:cubicBezTo>
                  <a:pt x="1819487" y="1923227"/>
                  <a:pt x="1798952" y="1929741"/>
                  <a:pt x="1738865" y="1944965"/>
                </a:cubicBezTo>
                <a:cubicBezTo>
                  <a:pt x="1698633" y="1955957"/>
                  <a:pt x="1670491" y="1978862"/>
                  <a:pt x="1616692" y="1989107"/>
                </a:cubicBezTo>
                <a:cubicBezTo>
                  <a:pt x="1565257" y="2022368"/>
                  <a:pt x="1474172" y="2022156"/>
                  <a:pt x="1411898" y="2046254"/>
                </a:cubicBezTo>
                <a:cubicBezTo>
                  <a:pt x="1380237" y="2035952"/>
                  <a:pt x="1386648" y="2042292"/>
                  <a:pt x="1375780" y="2047961"/>
                </a:cubicBezTo>
                <a:cubicBezTo>
                  <a:pt x="1375756" y="2047968"/>
                  <a:pt x="1375731" y="2047974"/>
                  <a:pt x="1375707" y="2047981"/>
                </a:cubicBezTo>
                <a:lnTo>
                  <a:pt x="1285585" y="2047113"/>
                </a:lnTo>
                <a:cubicBezTo>
                  <a:pt x="1279541" y="2043453"/>
                  <a:pt x="1272537" y="2040974"/>
                  <a:pt x="1263658" y="2041397"/>
                </a:cubicBezTo>
                <a:cubicBezTo>
                  <a:pt x="1212454" y="2058890"/>
                  <a:pt x="1258499" y="2026611"/>
                  <a:pt x="1170403" y="2033399"/>
                </a:cubicBezTo>
                <a:cubicBezTo>
                  <a:pt x="1166530" y="2036274"/>
                  <a:pt x="1154254" y="2033463"/>
                  <a:pt x="1153718" y="2029576"/>
                </a:cubicBezTo>
                <a:cubicBezTo>
                  <a:pt x="1148486" y="2030819"/>
                  <a:pt x="1137980" y="2038354"/>
                  <a:pt x="1133937" y="2032149"/>
                </a:cubicBezTo>
                <a:cubicBezTo>
                  <a:pt x="1104720" y="2031606"/>
                  <a:pt x="1077532" y="2035424"/>
                  <a:pt x="1054999" y="2043242"/>
                </a:cubicBezTo>
                <a:cubicBezTo>
                  <a:pt x="1024875" y="2038090"/>
                  <a:pt x="1020473" y="2042711"/>
                  <a:pt x="1018405" y="2048281"/>
                </a:cubicBezTo>
                <a:lnTo>
                  <a:pt x="1016563" y="2051718"/>
                </a:lnTo>
                <a:lnTo>
                  <a:pt x="1008284" y="2046742"/>
                </a:lnTo>
                <a:cubicBezTo>
                  <a:pt x="999244" y="2043620"/>
                  <a:pt x="990505" y="2044937"/>
                  <a:pt x="981974" y="2048363"/>
                </a:cubicBezTo>
                <a:lnTo>
                  <a:pt x="971903" y="2053484"/>
                </a:lnTo>
                <a:lnTo>
                  <a:pt x="954015" y="2052529"/>
                </a:lnTo>
                <a:cubicBezTo>
                  <a:pt x="931960" y="2051365"/>
                  <a:pt x="861352" y="2046214"/>
                  <a:pt x="839571" y="2046509"/>
                </a:cubicBezTo>
                <a:lnTo>
                  <a:pt x="823321" y="2054296"/>
                </a:lnTo>
                <a:lnTo>
                  <a:pt x="800990" y="2051523"/>
                </a:lnTo>
                <a:cubicBezTo>
                  <a:pt x="790723" y="2052171"/>
                  <a:pt x="782268" y="2055403"/>
                  <a:pt x="776439" y="2062634"/>
                </a:cubicBezTo>
                <a:cubicBezTo>
                  <a:pt x="773155" y="2056184"/>
                  <a:pt x="769593" y="2059253"/>
                  <a:pt x="763041" y="2063995"/>
                </a:cubicBezTo>
                <a:lnTo>
                  <a:pt x="757863" y="2065877"/>
                </a:lnTo>
                <a:lnTo>
                  <a:pt x="745053" y="2051831"/>
                </a:lnTo>
                <a:lnTo>
                  <a:pt x="722609" y="2049504"/>
                </a:lnTo>
                <a:lnTo>
                  <a:pt x="717618" y="2042131"/>
                </a:lnTo>
                <a:lnTo>
                  <a:pt x="703285" y="2046808"/>
                </a:lnTo>
                <a:cubicBezTo>
                  <a:pt x="698219" y="2048137"/>
                  <a:pt x="690058" y="2049926"/>
                  <a:pt x="680199" y="2051947"/>
                </a:cubicBezTo>
                <a:lnTo>
                  <a:pt x="667351" y="2054469"/>
                </a:lnTo>
                <a:lnTo>
                  <a:pt x="660961" y="2049404"/>
                </a:lnTo>
                <a:lnTo>
                  <a:pt x="638282" y="2060093"/>
                </a:lnTo>
                <a:lnTo>
                  <a:pt x="583551" y="2070197"/>
                </a:lnTo>
                <a:cubicBezTo>
                  <a:pt x="569268" y="2091365"/>
                  <a:pt x="529124" y="2053106"/>
                  <a:pt x="525274" y="2079137"/>
                </a:cubicBezTo>
                <a:cubicBezTo>
                  <a:pt x="506495" y="2056498"/>
                  <a:pt x="440091" y="2069666"/>
                  <a:pt x="405635" y="2059339"/>
                </a:cubicBezTo>
                <a:cubicBezTo>
                  <a:pt x="397410" y="2069278"/>
                  <a:pt x="294416" y="2032966"/>
                  <a:pt x="281555" y="2022847"/>
                </a:cubicBezTo>
                <a:cubicBezTo>
                  <a:pt x="171589" y="1986245"/>
                  <a:pt x="126791" y="1985528"/>
                  <a:pt x="98513" y="1969504"/>
                </a:cubicBezTo>
                <a:cubicBezTo>
                  <a:pt x="85544" y="1965247"/>
                  <a:pt x="73324" y="1958000"/>
                  <a:pt x="56191" y="1950709"/>
                </a:cubicBezTo>
                <a:lnTo>
                  <a:pt x="0" y="1935789"/>
                </a:lnTo>
                <a:close/>
              </a:path>
            </a:pathLst>
          </a:custGeom>
          <a:solidFill>
            <a:srgbClr val="82766A">
              <a:alpha val="1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2" name="Title 1">
            <a:extLst>
              <a:ext uri="{FF2B5EF4-FFF2-40B4-BE49-F238E27FC236}">
                <a16:creationId xmlns:a16="http://schemas.microsoft.com/office/drawing/2014/main" id="{4C7DCAD7-C81D-8CF0-D96D-6BB9A9162BB5}"/>
              </a:ext>
            </a:extLst>
          </p:cNvPr>
          <p:cNvSpPr>
            <a:spLocks noGrp="1"/>
          </p:cNvSpPr>
          <p:nvPr>
            <p:ph type="title"/>
          </p:nvPr>
        </p:nvSpPr>
        <p:spPr>
          <a:xfrm>
            <a:off x="1137036" y="548640"/>
            <a:ext cx="9543405" cy="1188720"/>
          </a:xfrm>
        </p:spPr>
        <p:txBody>
          <a:bodyPr>
            <a:normAutofit/>
          </a:bodyPr>
          <a:lstStyle/>
          <a:p>
            <a:r>
              <a:rPr lang="en-US" b="1">
                <a:solidFill>
                  <a:schemeClr val="tx1">
                    <a:lumMod val="85000"/>
                    <a:lumOff val="15000"/>
                  </a:schemeClr>
                </a:solidFill>
              </a:rPr>
              <a:t>Conclusions</a:t>
            </a:r>
            <a:r>
              <a:rPr lang="en-US">
                <a:solidFill>
                  <a:schemeClr val="tx1">
                    <a:lumMod val="85000"/>
                    <a:lumOff val="15000"/>
                  </a:schemeClr>
                </a:solidFill>
              </a:rPr>
              <a:t> </a:t>
            </a:r>
          </a:p>
        </p:txBody>
      </p:sp>
      <p:sp>
        <p:nvSpPr>
          <p:cNvPr id="3" name="Content Placeholder 2">
            <a:extLst>
              <a:ext uri="{FF2B5EF4-FFF2-40B4-BE49-F238E27FC236}">
                <a16:creationId xmlns:a16="http://schemas.microsoft.com/office/drawing/2014/main" id="{ED212C3A-EA7C-175D-5081-F84625224A72}"/>
              </a:ext>
            </a:extLst>
          </p:cNvPr>
          <p:cNvSpPr>
            <a:spLocks noGrp="1"/>
          </p:cNvSpPr>
          <p:nvPr>
            <p:ph idx="1"/>
          </p:nvPr>
        </p:nvSpPr>
        <p:spPr>
          <a:xfrm>
            <a:off x="1957987" y="2431765"/>
            <a:ext cx="8276026" cy="3320031"/>
          </a:xfrm>
        </p:spPr>
        <p:txBody>
          <a:bodyPr anchor="ctr">
            <a:normAutofit/>
          </a:bodyPr>
          <a:lstStyle/>
          <a:p>
            <a:r>
              <a:rPr lang="en-US" sz="1400">
                <a:solidFill>
                  <a:schemeClr val="tx1">
                    <a:lumMod val="85000"/>
                    <a:lumOff val="15000"/>
                  </a:schemeClr>
                </a:solidFill>
              </a:rPr>
              <a:t>Congenital Syphilis is detectable, preventable, and treatable DURING PREGNANCY.</a:t>
            </a:r>
          </a:p>
          <a:p>
            <a:r>
              <a:rPr lang="en-US" sz="1400">
                <a:solidFill>
                  <a:schemeClr val="tx1">
                    <a:lumMod val="85000"/>
                    <a:lumOff val="15000"/>
                  </a:schemeClr>
                </a:solidFill>
              </a:rPr>
              <a:t>Third Trimester Testing for maternal syphilis is the LAW in IL. </a:t>
            </a:r>
          </a:p>
          <a:p>
            <a:r>
              <a:rPr lang="en-US" sz="1400">
                <a:solidFill>
                  <a:schemeClr val="tx1">
                    <a:lumMod val="85000"/>
                    <a:lumOff val="15000"/>
                  </a:schemeClr>
                </a:solidFill>
              </a:rPr>
              <a:t>Ideally, third trimester syphilis testing takes place between 28-34 weeks gestation in order to allow for effective treatment of pregnant person and fetus, but testing beyond 34 weeks, even at delivery, is still beneficial for the health of baby and parents.</a:t>
            </a:r>
          </a:p>
          <a:p>
            <a:r>
              <a:rPr lang="en-US" sz="1400">
                <a:solidFill>
                  <a:schemeClr val="tx1">
                    <a:lumMod val="85000"/>
                    <a:lumOff val="15000"/>
                  </a:schemeClr>
                </a:solidFill>
              </a:rPr>
              <a:t>Detection of syphilis during pregnancy demands multiple ACTIONS</a:t>
            </a:r>
          </a:p>
          <a:p>
            <a:pPr lvl="1"/>
            <a:r>
              <a:rPr lang="en-US" sz="1400">
                <a:solidFill>
                  <a:schemeClr val="tx1">
                    <a:lumMod val="85000"/>
                    <a:lumOff val="15000"/>
                  </a:schemeClr>
                </a:solidFill>
              </a:rPr>
              <a:t>Perform thorough history and exam to determine stage of disease</a:t>
            </a:r>
          </a:p>
          <a:p>
            <a:pPr lvl="1"/>
            <a:r>
              <a:rPr lang="en-US" sz="1400">
                <a:solidFill>
                  <a:schemeClr val="tx1">
                    <a:lumMod val="85000"/>
                    <a:lumOff val="15000"/>
                  </a:schemeClr>
                </a:solidFill>
              </a:rPr>
              <a:t>Treat with Penicillin urgently, according to stage of disease</a:t>
            </a:r>
          </a:p>
          <a:p>
            <a:pPr lvl="1"/>
            <a:r>
              <a:rPr lang="en-US" sz="1400">
                <a:solidFill>
                  <a:schemeClr val="tx1">
                    <a:lumMod val="85000"/>
                    <a:lumOff val="15000"/>
                  </a:schemeClr>
                </a:solidFill>
              </a:rPr>
              <a:t>Test and treat partner(s)</a:t>
            </a:r>
          </a:p>
          <a:p>
            <a:pPr lvl="1"/>
            <a:r>
              <a:rPr lang="en-US" sz="1400">
                <a:solidFill>
                  <a:schemeClr val="tx1">
                    <a:lumMod val="85000"/>
                    <a:lumOff val="15000"/>
                  </a:schemeClr>
                </a:solidFill>
              </a:rPr>
              <a:t>Arrange linkage to care for maternal postpartum syphilis monitoring, for partner, and for neonate.</a:t>
            </a:r>
          </a:p>
          <a:p>
            <a:pPr lvl="1"/>
            <a:endParaRPr lang="en-US" sz="1400">
              <a:solidFill>
                <a:schemeClr val="tx1">
                  <a:lumMod val="85000"/>
                  <a:lumOff val="15000"/>
                </a:schemeClr>
              </a:solidFill>
            </a:endParaRPr>
          </a:p>
          <a:p>
            <a:pPr marL="457200" lvl="1" indent="0">
              <a:buNone/>
            </a:pPr>
            <a:r>
              <a:rPr lang="en-US" sz="1400">
                <a:solidFill>
                  <a:schemeClr val="tx1">
                    <a:lumMod val="85000"/>
                    <a:lumOff val="15000"/>
                  </a:schemeClr>
                </a:solidFill>
              </a:rPr>
              <a:t>Let’s Do This!</a:t>
            </a:r>
          </a:p>
        </p:txBody>
      </p:sp>
      <p:sp>
        <p:nvSpPr>
          <p:cNvPr id="12" name="Freeform: Shape 11">
            <a:extLst>
              <a:ext uri="{FF2B5EF4-FFF2-40B4-BE49-F238E27FC236}">
                <a16:creationId xmlns:a16="http://schemas.microsoft.com/office/drawing/2014/main" id="{142DCE2C-2863-46FA-9BE7-24365A24D9B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2224586" y="5970896"/>
            <a:ext cx="9967416" cy="887104"/>
          </a:xfrm>
          <a:custGeom>
            <a:avLst/>
            <a:gdLst>
              <a:gd name="connsiteX0" fmla="*/ 4686423 w 9517857"/>
              <a:gd name="connsiteY0" fmla="*/ 247919 h 918356"/>
              <a:gd name="connsiteX1" fmla="*/ 4689051 w 9517857"/>
              <a:gd name="connsiteY1" fmla="*/ 250968 h 918356"/>
              <a:gd name="connsiteX2" fmla="*/ 4687244 w 9517857"/>
              <a:gd name="connsiteY2" fmla="*/ 251298 h 918356"/>
              <a:gd name="connsiteX3" fmla="*/ 4685225 w 9517857"/>
              <a:gd name="connsiteY3" fmla="*/ 246530 h 918356"/>
              <a:gd name="connsiteX4" fmla="*/ 4686133 w 9517857"/>
              <a:gd name="connsiteY4" fmla="*/ 246727 h 918356"/>
              <a:gd name="connsiteX5" fmla="*/ 4686423 w 9517857"/>
              <a:gd name="connsiteY5" fmla="*/ 247919 h 918356"/>
              <a:gd name="connsiteX6" fmla="*/ 9517856 w 9517857"/>
              <a:gd name="connsiteY6" fmla="*/ 0 h 918356"/>
              <a:gd name="connsiteX7" fmla="*/ 9517857 w 9517857"/>
              <a:gd name="connsiteY7" fmla="*/ 12 h 918356"/>
              <a:gd name="connsiteX8" fmla="*/ 9517857 w 9517857"/>
              <a:gd name="connsiteY8" fmla="*/ 918356 h 918356"/>
              <a:gd name="connsiteX9" fmla="*/ 14604 w 9517857"/>
              <a:gd name="connsiteY9" fmla="*/ 918356 h 918356"/>
              <a:gd name="connsiteX10" fmla="*/ 12841 w 9517857"/>
              <a:gd name="connsiteY10" fmla="*/ 917763 h 918356"/>
              <a:gd name="connsiteX11" fmla="*/ 93 w 9517857"/>
              <a:gd name="connsiteY11" fmla="*/ 912471 h 918356"/>
              <a:gd name="connsiteX12" fmla="*/ 58674 w 9517857"/>
              <a:gd name="connsiteY12" fmla="*/ 890322 h 918356"/>
              <a:gd name="connsiteX13" fmla="*/ 275005 w 9517857"/>
              <a:gd name="connsiteY13" fmla="*/ 807229 h 918356"/>
              <a:gd name="connsiteX14" fmla="*/ 587824 w 9517857"/>
              <a:gd name="connsiteY14" fmla="*/ 798195 h 918356"/>
              <a:gd name="connsiteX15" fmla="*/ 651826 w 9517857"/>
              <a:gd name="connsiteY15" fmla="*/ 738338 h 918356"/>
              <a:gd name="connsiteX16" fmla="*/ 727985 w 9517857"/>
              <a:gd name="connsiteY16" fmla="*/ 719826 h 918356"/>
              <a:gd name="connsiteX17" fmla="*/ 778982 w 9517857"/>
              <a:gd name="connsiteY17" fmla="*/ 710142 h 918356"/>
              <a:gd name="connsiteX18" fmla="*/ 849944 w 9517857"/>
              <a:gd name="connsiteY18" fmla="*/ 717987 h 918356"/>
              <a:gd name="connsiteX19" fmla="*/ 921659 w 9517857"/>
              <a:gd name="connsiteY19" fmla="*/ 712695 h 918356"/>
              <a:gd name="connsiteX20" fmla="*/ 930946 w 9517857"/>
              <a:gd name="connsiteY20" fmla="*/ 734046 h 918356"/>
              <a:gd name="connsiteX21" fmla="*/ 986250 w 9517857"/>
              <a:gd name="connsiteY21" fmla="*/ 713530 h 918356"/>
              <a:gd name="connsiteX22" fmla="*/ 1013752 w 9517857"/>
              <a:gd name="connsiteY22" fmla="*/ 713361 h 918356"/>
              <a:gd name="connsiteX23" fmla="*/ 1023734 w 9517857"/>
              <a:gd name="connsiteY23" fmla="*/ 718571 h 918356"/>
              <a:gd name="connsiteX24" fmla="*/ 1063207 w 9517857"/>
              <a:gd name="connsiteY24" fmla="*/ 715651 h 918356"/>
              <a:gd name="connsiteX25" fmla="*/ 1081980 w 9517857"/>
              <a:gd name="connsiteY25" fmla="*/ 738455 h 918356"/>
              <a:gd name="connsiteX26" fmla="*/ 1218120 w 9517857"/>
              <a:gd name="connsiteY26" fmla="*/ 713280 h 918356"/>
              <a:gd name="connsiteX27" fmla="*/ 1397459 w 9517857"/>
              <a:gd name="connsiteY27" fmla="*/ 691190 h 918356"/>
              <a:gd name="connsiteX28" fmla="*/ 1580688 w 9517857"/>
              <a:gd name="connsiteY28" fmla="*/ 693697 h 918356"/>
              <a:gd name="connsiteX29" fmla="*/ 1772334 w 9517857"/>
              <a:gd name="connsiteY29" fmla="*/ 710640 h 918356"/>
              <a:gd name="connsiteX30" fmla="*/ 2002561 w 9517857"/>
              <a:gd name="connsiteY30" fmla="*/ 659917 h 918356"/>
              <a:gd name="connsiteX31" fmla="*/ 2135144 w 9517857"/>
              <a:gd name="connsiteY31" fmla="*/ 636501 h 918356"/>
              <a:gd name="connsiteX32" fmla="*/ 2440292 w 9517857"/>
              <a:gd name="connsiteY32" fmla="*/ 593862 h 918356"/>
              <a:gd name="connsiteX33" fmla="*/ 2547829 w 9517857"/>
              <a:gd name="connsiteY33" fmla="*/ 566150 h 918356"/>
              <a:gd name="connsiteX34" fmla="*/ 2658055 w 9517857"/>
              <a:gd name="connsiteY34" fmla="*/ 578727 h 918356"/>
              <a:gd name="connsiteX35" fmla="*/ 2693698 w 9517857"/>
              <a:gd name="connsiteY35" fmla="*/ 560029 h 918356"/>
              <a:gd name="connsiteX36" fmla="*/ 2699673 w 9517857"/>
              <a:gd name="connsiteY36" fmla="*/ 556400 h 918356"/>
              <a:gd name="connsiteX37" fmla="*/ 2727306 w 9517857"/>
              <a:gd name="connsiteY37" fmla="*/ 550698 h 918356"/>
              <a:gd name="connsiteX38" fmla="*/ 2730451 w 9517857"/>
              <a:gd name="connsiteY38" fmla="*/ 538058 h 918356"/>
              <a:gd name="connsiteX39" fmla="*/ 2768713 w 9517857"/>
              <a:gd name="connsiteY39" fmla="*/ 521575 h 918356"/>
              <a:gd name="connsiteX40" fmla="*/ 2820868 w 9517857"/>
              <a:gd name="connsiteY40" fmla="*/ 514160 h 918356"/>
              <a:gd name="connsiteX41" fmla="*/ 3073635 w 9517857"/>
              <a:gd name="connsiteY41" fmla="*/ 491294 h 918356"/>
              <a:gd name="connsiteX42" fmla="*/ 3222071 w 9517857"/>
              <a:gd name="connsiteY42" fmla="*/ 470559 h 918356"/>
              <a:gd name="connsiteX43" fmla="*/ 3274069 w 9517857"/>
              <a:gd name="connsiteY43" fmla="*/ 451605 h 918356"/>
              <a:gd name="connsiteX44" fmla="*/ 3349632 w 9517857"/>
              <a:gd name="connsiteY44" fmla="*/ 432583 h 918356"/>
              <a:gd name="connsiteX45" fmla="*/ 3479593 w 9517857"/>
              <a:gd name="connsiteY45" fmla="*/ 390437 h 918356"/>
              <a:gd name="connsiteX46" fmla="*/ 3660110 w 9517857"/>
              <a:gd name="connsiteY46" fmla="*/ 348726 h 918356"/>
              <a:gd name="connsiteX47" fmla="*/ 3750023 w 9517857"/>
              <a:gd name="connsiteY47" fmla="*/ 370678 h 918356"/>
              <a:gd name="connsiteX48" fmla="*/ 3844133 w 9517857"/>
              <a:gd name="connsiteY48" fmla="*/ 360648 h 918356"/>
              <a:gd name="connsiteX49" fmla="*/ 3913545 w 9517857"/>
              <a:gd name="connsiteY49" fmla="*/ 344235 h 918356"/>
              <a:gd name="connsiteX50" fmla="*/ 4266740 w 9517857"/>
              <a:gd name="connsiteY50" fmla="*/ 361454 h 918356"/>
              <a:gd name="connsiteX51" fmla="*/ 4430770 w 9517857"/>
              <a:gd name="connsiteY51" fmla="*/ 342643 h 918356"/>
              <a:gd name="connsiteX52" fmla="*/ 4512664 w 9517857"/>
              <a:gd name="connsiteY52" fmla="*/ 319948 h 918356"/>
              <a:gd name="connsiteX53" fmla="*/ 4616423 w 9517857"/>
              <a:gd name="connsiteY53" fmla="*/ 290914 h 918356"/>
              <a:gd name="connsiteX54" fmla="*/ 4691675 w 9517857"/>
              <a:gd name="connsiteY54" fmla="*/ 254011 h 918356"/>
              <a:gd name="connsiteX55" fmla="*/ 4689051 w 9517857"/>
              <a:gd name="connsiteY55" fmla="*/ 250968 h 918356"/>
              <a:gd name="connsiteX56" fmla="*/ 4719994 w 9517857"/>
              <a:gd name="connsiteY56" fmla="*/ 245307 h 918356"/>
              <a:gd name="connsiteX57" fmla="*/ 4752894 w 9517857"/>
              <a:gd name="connsiteY57" fmla="*/ 239875 h 918356"/>
              <a:gd name="connsiteX58" fmla="*/ 4769329 w 9517857"/>
              <a:gd name="connsiteY58" fmla="*/ 233585 h 918356"/>
              <a:gd name="connsiteX59" fmla="*/ 4775634 w 9517857"/>
              <a:gd name="connsiteY59" fmla="*/ 234063 h 918356"/>
              <a:gd name="connsiteX60" fmla="*/ 4790452 w 9517857"/>
              <a:gd name="connsiteY60" fmla="*/ 233572 h 918356"/>
              <a:gd name="connsiteX61" fmla="*/ 4789062 w 9517857"/>
              <a:gd name="connsiteY61" fmla="*/ 241924 h 918356"/>
              <a:gd name="connsiteX62" fmla="*/ 4827826 w 9517857"/>
              <a:gd name="connsiteY62" fmla="*/ 246977 h 918356"/>
              <a:gd name="connsiteX63" fmla="*/ 4892569 w 9517857"/>
              <a:gd name="connsiteY63" fmla="*/ 249933 h 918356"/>
              <a:gd name="connsiteX64" fmla="*/ 4896611 w 9517857"/>
              <a:gd name="connsiteY64" fmla="*/ 240448 h 918356"/>
              <a:gd name="connsiteX65" fmla="*/ 4917286 w 9517857"/>
              <a:gd name="connsiteY65" fmla="*/ 243659 h 918356"/>
              <a:gd name="connsiteX66" fmla="*/ 4981173 w 9517857"/>
              <a:gd name="connsiteY66" fmla="*/ 247103 h 918356"/>
              <a:gd name="connsiteX67" fmla="*/ 5060397 w 9517857"/>
              <a:gd name="connsiteY67" fmla="*/ 263688 h 918356"/>
              <a:gd name="connsiteX68" fmla="*/ 5252996 w 9517857"/>
              <a:gd name="connsiteY68" fmla="*/ 270655 h 918356"/>
              <a:gd name="connsiteX69" fmla="*/ 5358056 w 9517857"/>
              <a:gd name="connsiteY69" fmla="*/ 247248 h 918356"/>
              <a:gd name="connsiteX70" fmla="*/ 5426496 w 9517857"/>
              <a:gd name="connsiteY70" fmla="*/ 235142 h 918356"/>
              <a:gd name="connsiteX71" fmla="*/ 5497161 w 9517857"/>
              <a:gd name="connsiteY71" fmla="*/ 228808 h 918356"/>
              <a:gd name="connsiteX72" fmla="*/ 5826043 w 9517857"/>
              <a:gd name="connsiteY72" fmla="*/ 148073 h 918356"/>
              <a:gd name="connsiteX73" fmla="*/ 6013415 w 9517857"/>
              <a:gd name="connsiteY73" fmla="*/ 137316 h 918356"/>
              <a:gd name="connsiteX74" fmla="*/ 6080994 w 9517857"/>
              <a:gd name="connsiteY74" fmla="*/ 142938 h 918356"/>
              <a:gd name="connsiteX75" fmla="*/ 6194152 w 9517857"/>
              <a:gd name="connsiteY75" fmla="*/ 151772 h 918356"/>
              <a:gd name="connsiteX76" fmla="*/ 6281379 w 9517857"/>
              <a:gd name="connsiteY76" fmla="*/ 181626 h 918356"/>
              <a:gd name="connsiteX77" fmla="*/ 6374947 w 9517857"/>
              <a:gd name="connsiteY77" fmla="*/ 179799 h 918356"/>
              <a:gd name="connsiteX78" fmla="*/ 6448518 w 9517857"/>
              <a:gd name="connsiteY78" fmla="*/ 164378 h 918356"/>
              <a:gd name="connsiteX79" fmla="*/ 6544700 w 9517857"/>
              <a:gd name="connsiteY79" fmla="*/ 167161 h 918356"/>
              <a:gd name="connsiteX80" fmla="*/ 6648353 w 9517857"/>
              <a:gd name="connsiteY80" fmla="*/ 172250 h 918356"/>
              <a:gd name="connsiteX81" fmla="*/ 6736227 w 9517857"/>
              <a:gd name="connsiteY81" fmla="*/ 173216 h 918356"/>
              <a:gd name="connsiteX82" fmla="*/ 6977218 w 9517857"/>
              <a:gd name="connsiteY82" fmla="*/ 184289 h 918356"/>
              <a:gd name="connsiteX83" fmla="*/ 7065221 w 9517857"/>
              <a:gd name="connsiteY83" fmla="*/ 227531 h 918356"/>
              <a:gd name="connsiteX84" fmla="*/ 7366876 w 9517857"/>
              <a:gd name="connsiteY84" fmla="*/ 248468 h 918356"/>
              <a:gd name="connsiteX85" fmla="*/ 7565449 w 9517857"/>
              <a:gd name="connsiteY85" fmla="*/ 258950 h 918356"/>
              <a:gd name="connsiteX86" fmla="*/ 7599285 w 9517857"/>
              <a:gd name="connsiteY86" fmla="*/ 266021 h 918356"/>
              <a:gd name="connsiteX87" fmla="*/ 7644411 w 9517857"/>
              <a:gd name="connsiteY87" fmla="*/ 258986 h 918356"/>
              <a:gd name="connsiteX88" fmla="*/ 7825110 w 9517857"/>
              <a:gd name="connsiteY88" fmla="*/ 229109 h 918356"/>
              <a:gd name="connsiteX89" fmla="*/ 7965804 w 9517857"/>
              <a:gd name="connsiteY89" fmla="*/ 190545 h 918356"/>
              <a:gd name="connsiteX90" fmla="*/ 8147401 w 9517857"/>
              <a:gd name="connsiteY90" fmla="*/ 205617 h 918356"/>
              <a:gd name="connsiteX91" fmla="*/ 8256033 w 9517857"/>
              <a:gd name="connsiteY91" fmla="*/ 193713 h 918356"/>
              <a:gd name="connsiteX92" fmla="*/ 8410677 w 9517857"/>
              <a:gd name="connsiteY92" fmla="*/ 172167 h 918356"/>
              <a:gd name="connsiteX93" fmla="*/ 8617841 w 9517857"/>
              <a:gd name="connsiteY93" fmla="*/ 155167 h 918356"/>
              <a:gd name="connsiteX94" fmla="*/ 8715976 w 9517857"/>
              <a:gd name="connsiteY94" fmla="*/ 178374 h 918356"/>
              <a:gd name="connsiteX95" fmla="*/ 8778827 w 9517857"/>
              <a:gd name="connsiteY95" fmla="*/ 172936 h 918356"/>
              <a:gd name="connsiteX96" fmla="*/ 8840778 w 9517857"/>
              <a:gd name="connsiteY96" fmla="*/ 143149 h 918356"/>
              <a:gd name="connsiteX97" fmla="*/ 9010380 w 9517857"/>
              <a:gd name="connsiteY97" fmla="*/ 91891 h 918356"/>
              <a:gd name="connsiteX98" fmla="*/ 9110856 w 9517857"/>
              <a:gd name="connsiteY98" fmla="*/ 70997 h 918356"/>
              <a:gd name="connsiteX99" fmla="*/ 9268817 w 9517857"/>
              <a:gd name="connsiteY99" fmla="*/ 53082 h 918356"/>
              <a:gd name="connsiteX100" fmla="*/ 9316667 w 9517857"/>
              <a:gd name="connsiteY100" fmla="*/ 45047 h 918356"/>
              <a:gd name="connsiteX101" fmla="*/ 9428209 w 9517857"/>
              <a:gd name="connsiteY101" fmla="*/ 29923 h 9183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Lst>
            <a:rect l="l" t="t" r="r" b="b"/>
            <a:pathLst>
              <a:path w="9517857" h="918356">
                <a:moveTo>
                  <a:pt x="4686423" y="247919"/>
                </a:moveTo>
                <a:lnTo>
                  <a:pt x="4689051" y="250968"/>
                </a:lnTo>
                <a:lnTo>
                  <a:pt x="4687244" y="251298"/>
                </a:lnTo>
                <a:close/>
                <a:moveTo>
                  <a:pt x="4685225" y="246530"/>
                </a:moveTo>
                <a:cubicBezTo>
                  <a:pt x="4688837" y="243198"/>
                  <a:pt x="4687468" y="244598"/>
                  <a:pt x="4686133" y="246727"/>
                </a:cubicBezTo>
                <a:lnTo>
                  <a:pt x="4686423" y="247919"/>
                </a:lnTo>
                <a:close/>
                <a:moveTo>
                  <a:pt x="9517856" y="0"/>
                </a:moveTo>
                <a:lnTo>
                  <a:pt x="9517857" y="12"/>
                </a:lnTo>
                <a:lnTo>
                  <a:pt x="9517857" y="918356"/>
                </a:lnTo>
                <a:lnTo>
                  <a:pt x="14604" y="918356"/>
                </a:lnTo>
                <a:lnTo>
                  <a:pt x="12841" y="917763"/>
                </a:lnTo>
                <a:cubicBezTo>
                  <a:pt x="4532" y="914864"/>
                  <a:pt x="-773" y="912807"/>
                  <a:pt x="93" y="912471"/>
                </a:cubicBezTo>
                <a:cubicBezTo>
                  <a:pt x="172" y="912298"/>
                  <a:pt x="58594" y="890495"/>
                  <a:pt x="58674" y="890322"/>
                </a:cubicBezTo>
                <a:cubicBezTo>
                  <a:pt x="127436" y="929614"/>
                  <a:pt x="206243" y="828226"/>
                  <a:pt x="275005" y="807229"/>
                </a:cubicBezTo>
                <a:cubicBezTo>
                  <a:pt x="303983" y="806087"/>
                  <a:pt x="504960" y="777375"/>
                  <a:pt x="587824" y="798195"/>
                </a:cubicBezTo>
                <a:cubicBezTo>
                  <a:pt x="598733" y="769348"/>
                  <a:pt x="682904" y="785924"/>
                  <a:pt x="651826" y="738338"/>
                </a:cubicBezTo>
                <a:cubicBezTo>
                  <a:pt x="688440" y="737862"/>
                  <a:pt x="753255" y="750396"/>
                  <a:pt x="727985" y="719826"/>
                </a:cubicBezTo>
                <a:cubicBezTo>
                  <a:pt x="739648" y="718749"/>
                  <a:pt x="775717" y="715087"/>
                  <a:pt x="778982" y="710142"/>
                </a:cubicBezTo>
                <a:cubicBezTo>
                  <a:pt x="779189" y="709407"/>
                  <a:pt x="849736" y="718721"/>
                  <a:pt x="849944" y="717987"/>
                </a:cubicBezTo>
                <a:lnTo>
                  <a:pt x="921659" y="712695"/>
                </a:lnTo>
                <a:lnTo>
                  <a:pt x="930946" y="734046"/>
                </a:lnTo>
                <a:lnTo>
                  <a:pt x="986250" y="713530"/>
                </a:lnTo>
                <a:lnTo>
                  <a:pt x="1013752" y="713361"/>
                </a:lnTo>
                <a:lnTo>
                  <a:pt x="1023734" y="718571"/>
                </a:lnTo>
                <a:cubicBezTo>
                  <a:pt x="1033291" y="721276"/>
                  <a:pt x="1045398" y="721394"/>
                  <a:pt x="1063207" y="715651"/>
                </a:cubicBezTo>
                <a:lnTo>
                  <a:pt x="1081980" y="738455"/>
                </a:lnTo>
                <a:lnTo>
                  <a:pt x="1218120" y="713280"/>
                </a:lnTo>
                <a:cubicBezTo>
                  <a:pt x="1230137" y="716162"/>
                  <a:pt x="1387179" y="685179"/>
                  <a:pt x="1397459" y="691190"/>
                </a:cubicBezTo>
                <a:cubicBezTo>
                  <a:pt x="1490025" y="704984"/>
                  <a:pt x="1465878" y="715604"/>
                  <a:pt x="1580688" y="693697"/>
                </a:cubicBezTo>
                <a:cubicBezTo>
                  <a:pt x="1607067" y="704379"/>
                  <a:pt x="1719477" y="658239"/>
                  <a:pt x="1772334" y="710640"/>
                </a:cubicBezTo>
                <a:cubicBezTo>
                  <a:pt x="1745536" y="644824"/>
                  <a:pt x="1976078" y="716436"/>
                  <a:pt x="2002561" y="659917"/>
                </a:cubicBezTo>
                <a:cubicBezTo>
                  <a:pt x="2045346" y="660357"/>
                  <a:pt x="2166676" y="654391"/>
                  <a:pt x="2135144" y="636501"/>
                </a:cubicBezTo>
                <a:cubicBezTo>
                  <a:pt x="2276591" y="665055"/>
                  <a:pt x="2293173" y="591792"/>
                  <a:pt x="2440292" y="593862"/>
                </a:cubicBezTo>
                <a:cubicBezTo>
                  <a:pt x="2495160" y="534824"/>
                  <a:pt x="2473343" y="585644"/>
                  <a:pt x="2547829" y="566150"/>
                </a:cubicBezTo>
                <a:cubicBezTo>
                  <a:pt x="2545438" y="614169"/>
                  <a:pt x="2632278" y="528280"/>
                  <a:pt x="2658055" y="578727"/>
                </a:cubicBezTo>
                <a:cubicBezTo>
                  <a:pt x="2670795" y="573581"/>
                  <a:pt x="2682322" y="567005"/>
                  <a:pt x="2693698" y="560029"/>
                </a:cubicBezTo>
                <a:lnTo>
                  <a:pt x="2699673" y="556400"/>
                </a:lnTo>
                <a:lnTo>
                  <a:pt x="2727306" y="550698"/>
                </a:lnTo>
                <a:lnTo>
                  <a:pt x="2730451" y="538058"/>
                </a:lnTo>
                <a:lnTo>
                  <a:pt x="2768713" y="521575"/>
                </a:lnTo>
                <a:cubicBezTo>
                  <a:pt x="2783756" y="517104"/>
                  <a:pt x="2800788" y="514291"/>
                  <a:pt x="2820868" y="514160"/>
                </a:cubicBezTo>
                <a:cubicBezTo>
                  <a:pt x="2894791" y="532885"/>
                  <a:pt x="2981506" y="465507"/>
                  <a:pt x="3073635" y="491294"/>
                </a:cubicBezTo>
                <a:cubicBezTo>
                  <a:pt x="3106872" y="496624"/>
                  <a:pt x="3205785" y="487718"/>
                  <a:pt x="3222071" y="470559"/>
                </a:cubicBezTo>
                <a:cubicBezTo>
                  <a:pt x="3242193" y="465514"/>
                  <a:pt x="3267163" y="469136"/>
                  <a:pt x="3274069" y="451605"/>
                </a:cubicBezTo>
                <a:cubicBezTo>
                  <a:pt x="3286659" y="430165"/>
                  <a:pt x="3363648" y="455571"/>
                  <a:pt x="3349632" y="432583"/>
                </a:cubicBezTo>
                <a:cubicBezTo>
                  <a:pt x="3404182" y="449847"/>
                  <a:pt x="3438210" y="404323"/>
                  <a:pt x="3479593" y="390437"/>
                </a:cubicBezTo>
                <a:cubicBezTo>
                  <a:pt x="3523240" y="408403"/>
                  <a:pt x="3567027" y="361554"/>
                  <a:pt x="3660110" y="348726"/>
                </a:cubicBezTo>
                <a:cubicBezTo>
                  <a:pt x="3708299" y="369683"/>
                  <a:pt x="3662447" y="344775"/>
                  <a:pt x="3750023" y="370678"/>
                </a:cubicBezTo>
                <a:cubicBezTo>
                  <a:pt x="3752092" y="367132"/>
                  <a:pt x="3816880" y="365055"/>
                  <a:pt x="3844133" y="360648"/>
                </a:cubicBezTo>
                <a:cubicBezTo>
                  <a:pt x="3871386" y="356240"/>
                  <a:pt x="3882848" y="332490"/>
                  <a:pt x="3913545" y="344235"/>
                </a:cubicBezTo>
                <a:cubicBezTo>
                  <a:pt x="4050255" y="376864"/>
                  <a:pt x="4159924" y="363190"/>
                  <a:pt x="4266740" y="361454"/>
                </a:cubicBezTo>
                <a:cubicBezTo>
                  <a:pt x="4385770" y="354374"/>
                  <a:pt x="4314535" y="340143"/>
                  <a:pt x="4430770" y="342643"/>
                </a:cubicBezTo>
                <a:cubicBezTo>
                  <a:pt x="4439969" y="322594"/>
                  <a:pt x="4478290" y="314645"/>
                  <a:pt x="4512664" y="319948"/>
                </a:cubicBezTo>
                <a:cubicBezTo>
                  <a:pt x="4570011" y="315138"/>
                  <a:pt x="4549085" y="269599"/>
                  <a:pt x="4616423" y="290914"/>
                </a:cubicBezTo>
                <a:cubicBezTo>
                  <a:pt x="4599641" y="270277"/>
                  <a:pt x="4692085" y="269216"/>
                  <a:pt x="4691675" y="254011"/>
                </a:cubicBezTo>
                <a:lnTo>
                  <a:pt x="4689051" y="250968"/>
                </a:lnTo>
                <a:lnTo>
                  <a:pt x="4719994" y="245307"/>
                </a:lnTo>
                <a:cubicBezTo>
                  <a:pt x="4732635" y="242775"/>
                  <a:pt x="4745300" y="240335"/>
                  <a:pt x="4752894" y="239875"/>
                </a:cubicBezTo>
                <a:lnTo>
                  <a:pt x="4769329" y="233585"/>
                </a:lnTo>
                <a:lnTo>
                  <a:pt x="4775634" y="234063"/>
                </a:lnTo>
                <a:lnTo>
                  <a:pt x="4790452" y="233572"/>
                </a:lnTo>
                <a:cubicBezTo>
                  <a:pt x="4789989" y="236356"/>
                  <a:pt x="4789525" y="239141"/>
                  <a:pt x="4789062" y="241924"/>
                </a:cubicBezTo>
                <a:cubicBezTo>
                  <a:pt x="4786342" y="249932"/>
                  <a:pt x="4804560" y="248631"/>
                  <a:pt x="4827826" y="246977"/>
                </a:cubicBezTo>
                <a:cubicBezTo>
                  <a:pt x="4875782" y="239569"/>
                  <a:pt x="4874112" y="283413"/>
                  <a:pt x="4892569" y="249933"/>
                </a:cubicBezTo>
                <a:lnTo>
                  <a:pt x="4896611" y="240448"/>
                </a:lnTo>
                <a:lnTo>
                  <a:pt x="4917286" y="243659"/>
                </a:lnTo>
                <a:cubicBezTo>
                  <a:pt x="4923060" y="243799"/>
                  <a:pt x="4981729" y="240979"/>
                  <a:pt x="4981173" y="247103"/>
                </a:cubicBezTo>
                <a:cubicBezTo>
                  <a:pt x="5024880" y="220690"/>
                  <a:pt x="5014146" y="257963"/>
                  <a:pt x="5060397" y="263688"/>
                </a:cubicBezTo>
                <a:cubicBezTo>
                  <a:pt x="5093356" y="238589"/>
                  <a:pt x="5157892" y="275351"/>
                  <a:pt x="5252996" y="270655"/>
                </a:cubicBezTo>
                <a:cubicBezTo>
                  <a:pt x="5288840" y="241872"/>
                  <a:pt x="5287005" y="287921"/>
                  <a:pt x="5358056" y="247248"/>
                </a:cubicBezTo>
                <a:cubicBezTo>
                  <a:pt x="5361752" y="250257"/>
                  <a:pt x="5403312" y="238215"/>
                  <a:pt x="5426496" y="235142"/>
                </a:cubicBezTo>
                <a:cubicBezTo>
                  <a:pt x="5449679" y="232069"/>
                  <a:pt x="5473549" y="245611"/>
                  <a:pt x="5497161" y="228808"/>
                </a:cubicBezTo>
                <a:cubicBezTo>
                  <a:pt x="5611861" y="172767"/>
                  <a:pt x="5723211" y="165860"/>
                  <a:pt x="5826043" y="148073"/>
                </a:cubicBezTo>
                <a:cubicBezTo>
                  <a:pt x="5943127" y="133166"/>
                  <a:pt x="5872659" y="193078"/>
                  <a:pt x="6013415" y="137316"/>
                </a:cubicBezTo>
                <a:cubicBezTo>
                  <a:pt x="6031924" y="154783"/>
                  <a:pt x="6050745" y="154258"/>
                  <a:pt x="6080994" y="142938"/>
                </a:cubicBezTo>
                <a:cubicBezTo>
                  <a:pt x="6138083" y="137090"/>
                  <a:pt x="6140195" y="184383"/>
                  <a:pt x="6194152" y="151772"/>
                </a:cubicBezTo>
                <a:cubicBezTo>
                  <a:pt x="6187280" y="177783"/>
                  <a:pt x="6304222" y="153410"/>
                  <a:pt x="6281379" y="181626"/>
                </a:cubicBezTo>
                <a:cubicBezTo>
                  <a:pt x="6321899" y="201819"/>
                  <a:pt x="6335111" y="162590"/>
                  <a:pt x="6374947" y="179799"/>
                </a:cubicBezTo>
                <a:cubicBezTo>
                  <a:pt x="6417404" y="181336"/>
                  <a:pt x="6402484" y="169694"/>
                  <a:pt x="6448518" y="164378"/>
                </a:cubicBezTo>
                <a:cubicBezTo>
                  <a:pt x="6504958" y="162488"/>
                  <a:pt x="6493438" y="111203"/>
                  <a:pt x="6544700" y="167161"/>
                </a:cubicBezTo>
                <a:cubicBezTo>
                  <a:pt x="6601507" y="148697"/>
                  <a:pt x="6566269" y="164386"/>
                  <a:pt x="6648353" y="172250"/>
                </a:cubicBezTo>
                <a:cubicBezTo>
                  <a:pt x="6680008" y="155223"/>
                  <a:pt x="6707960" y="160673"/>
                  <a:pt x="6736227" y="173216"/>
                </a:cubicBezTo>
                <a:cubicBezTo>
                  <a:pt x="6813963" y="164284"/>
                  <a:pt x="6888143" y="181296"/>
                  <a:pt x="6977218" y="184289"/>
                </a:cubicBezTo>
                <a:cubicBezTo>
                  <a:pt x="7040424" y="188318"/>
                  <a:pt x="7000278" y="216835"/>
                  <a:pt x="7065221" y="227531"/>
                </a:cubicBezTo>
                <a:cubicBezTo>
                  <a:pt x="7130163" y="238228"/>
                  <a:pt x="7291878" y="238208"/>
                  <a:pt x="7366876" y="248468"/>
                </a:cubicBezTo>
                <a:cubicBezTo>
                  <a:pt x="7491356" y="206752"/>
                  <a:pt x="7367734" y="280166"/>
                  <a:pt x="7565449" y="258950"/>
                </a:cubicBezTo>
                <a:cubicBezTo>
                  <a:pt x="7575959" y="252432"/>
                  <a:pt x="7600854" y="257628"/>
                  <a:pt x="7599285" y="266021"/>
                </a:cubicBezTo>
                <a:cubicBezTo>
                  <a:pt x="7611616" y="262940"/>
                  <a:pt x="7639946" y="245819"/>
                  <a:pt x="7644411" y="258986"/>
                </a:cubicBezTo>
                <a:cubicBezTo>
                  <a:pt x="7708015" y="258012"/>
                  <a:pt x="7770249" y="247724"/>
                  <a:pt x="7825110" y="229109"/>
                </a:cubicBezTo>
                <a:cubicBezTo>
                  <a:pt x="7949762" y="247028"/>
                  <a:pt x="7921956" y="197757"/>
                  <a:pt x="7965804" y="190545"/>
                </a:cubicBezTo>
                <a:cubicBezTo>
                  <a:pt x="8039439" y="213878"/>
                  <a:pt x="8063651" y="191475"/>
                  <a:pt x="8147401" y="205617"/>
                </a:cubicBezTo>
                <a:cubicBezTo>
                  <a:pt x="8166453" y="196610"/>
                  <a:pt x="8225048" y="207099"/>
                  <a:pt x="8256033" y="193713"/>
                </a:cubicBezTo>
                <a:cubicBezTo>
                  <a:pt x="8311388" y="242017"/>
                  <a:pt x="8350376" y="178592"/>
                  <a:pt x="8410677" y="172167"/>
                </a:cubicBezTo>
                <a:cubicBezTo>
                  <a:pt x="8470978" y="165743"/>
                  <a:pt x="8572470" y="206385"/>
                  <a:pt x="8617841" y="155167"/>
                </a:cubicBezTo>
                <a:cubicBezTo>
                  <a:pt x="8646050" y="160448"/>
                  <a:pt x="8664949" y="183631"/>
                  <a:pt x="8715976" y="178374"/>
                </a:cubicBezTo>
                <a:cubicBezTo>
                  <a:pt x="8737194" y="188216"/>
                  <a:pt x="8738009" y="189511"/>
                  <a:pt x="8778827" y="172936"/>
                </a:cubicBezTo>
                <a:cubicBezTo>
                  <a:pt x="8725277" y="146372"/>
                  <a:pt x="8850819" y="175612"/>
                  <a:pt x="8840778" y="143149"/>
                </a:cubicBezTo>
                <a:cubicBezTo>
                  <a:pt x="8903519" y="121096"/>
                  <a:pt x="9021861" y="150359"/>
                  <a:pt x="9010380" y="91891"/>
                </a:cubicBezTo>
                <a:cubicBezTo>
                  <a:pt x="9027103" y="56852"/>
                  <a:pt x="9112524" y="108357"/>
                  <a:pt x="9110856" y="70997"/>
                </a:cubicBezTo>
                <a:cubicBezTo>
                  <a:pt x="9148189" y="94250"/>
                  <a:pt x="9209809" y="53285"/>
                  <a:pt x="9268817" y="53082"/>
                </a:cubicBezTo>
                <a:cubicBezTo>
                  <a:pt x="9279135" y="35997"/>
                  <a:pt x="9292736" y="36520"/>
                  <a:pt x="9316667" y="45047"/>
                </a:cubicBezTo>
                <a:cubicBezTo>
                  <a:pt x="9352186" y="45862"/>
                  <a:pt x="9390008" y="39799"/>
                  <a:pt x="9428209" y="29923"/>
                </a:cubicBezTo>
                <a:close/>
              </a:path>
            </a:pathLst>
          </a:custGeom>
          <a:solidFill>
            <a:srgbClr val="82766A">
              <a:alpha val="1500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17030176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11" name="Rectangle 10">
            <a:extLst>
              <a:ext uri="{FF2B5EF4-FFF2-40B4-BE49-F238E27FC236}">
                <a16:creationId xmlns:a16="http://schemas.microsoft.com/office/drawing/2014/main" id="{FFB60E8C-7224-44A4-87A0-46A1711DD2E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1999" cy="6857365"/>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1FB4A19F-24A6-BA87-B441-B94370CDE226}"/>
              </a:ext>
            </a:extLst>
          </p:cNvPr>
          <p:cNvSpPr>
            <a:spLocks noGrp="1"/>
          </p:cNvSpPr>
          <p:nvPr>
            <p:ph type="title"/>
          </p:nvPr>
        </p:nvSpPr>
        <p:spPr>
          <a:xfrm>
            <a:off x="795528" y="386930"/>
            <a:ext cx="10141799" cy="1300554"/>
          </a:xfrm>
        </p:spPr>
        <p:txBody>
          <a:bodyPr vert="horz" lIns="91440" tIns="45720" rIns="91440" bIns="45720" rtlCol="0" anchor="b">
            <a:normAutofit/>
          </a:bodyPr>
          <a:lstStyle/>
          <a:p>
            <a:r>
              <a:rPr lang="en-US" kern="1200">
                <a:solidFill>
                  <a:schemeClr val="tx1"/>
                </a:solidFill>
                <a:latin typeface="+mj-lt"/>
                <a:ea typeface="+mj-ea"/>
                <a:cs typeface="+mj-cs"/>
              </a:rPr>
              <a:t>Syphilis Screening Monthly Report Form</a:t>
            </a:r>
          </a:p>
        </p:txBody>
      </p:sp>
      <p:sp>
        <p:nvSpPr>
          <p:cNvPr id="13" name="Rectangle 12">
            <a:extLst>
              <a:ext uri="{FF2B5EF4-FFF2-40B4-BE49-F238E27FC236}">
                <a16:creationId xmlns:a16="http://schemas.microsoft.com/office/drawing/2014/main" id="{5DA32751-37A2-45C0-BE94-63D375E27003}"/>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flipH="1" flipV="1">
            <a:off x="-2" y="1998845"/>
            <a:ext cx="11454595" cy="781699"/>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Rectangle 14">
            <a:extLst>
              <a:ext uri="{FF2B5EF4-FFF2-40B4-BE49-F238E27FC236}">
                <a16:creationId xmlns:a16="http://schemas.microsoft.com/office/drawing/2014/main" id="{E659831F-0D9A-4C63-9EBB-8435B85A440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2203079"/>
            <a:ext cx="11383362" cy="4267991"/>
          </a:xfrm>
          <a:prstGeom prst="rect">
            <a:avLst/>
          </a:prstGeom>
          <a:solidFill>
            <a:schemeClr val="bg1"/>
          </a:solidFill>
          <a:ln>
            <a:noFill/>
          </a:ln>
          <a:effectLst>
            <a:outerShdw blurRad="139700" dist="127000" dir="5400000" algn="t" rotWithShape="0">
              <a:prstClr val="black">
                <a:alpha val="15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 name="Content Placeholder 4">
            <a:extLst>
              <a:ext uri="{FF2B5EF4-FFF2-40B4-BE49-F238E27FC236}">
                <a16:creationId xmlns:a16="http://schemas.microsoft.com/office/drawing/2014/main" id="{B647A6DE-9655-34C5-3C83-CEB416EA7146}"/>
              </a:ext>
            </a:extLst>
          </p:cNvPr>
          <p:cNvPicPr>
            <a:picLocks noGrp="1" noChangeAspect="1"/>
          </p:cNvPicPr>
          <p:nvPr>
            <p:ph idx="1"/>
          </p:nvPr>
        </p:nvPicPr>
        <p:blipFill rotWithShape="1">
          <a:blip r:embed="rId2"/>
          <a:srcRect l="10000" t="13273" r="64957" b="25509"/>
          <a:stretch/>
        </p:blipFill>
        <p:spPr>
          <a:xfrm>
            <a:off x="739838" y="2524715"/>
            <a:ext cx="4941190" cy="3714244"/>
          </a:xfrm>
          <a:prstGeom prst="rect">
            <a:avLst/>
          </a:prstGeom>
        </p:spPr>
      </p:pic>
      <p:sp>
        <p:nvSpPr>
          <p:cNvPr id="6" name="TextBox 5">
            <a:extLst>
              <a:ext uri="{FF2B5EF4-FFF2-40B4-BE49-F238E27FC236}">
                <a16:creationId xmlns:a16="http://schemas.microsoft.com/office/drawing/2014/main" id="{2CF6B3B6-667E-90AC-A026-380ECC07AB58}"/>
              </a:ext>
            </a:extLst>
          </p:cNvPr>
          <p:cNvSpPr txBox="1"/>
          <p:nvPr/>
        </p:nvSpPr>
        <p:spPr>
          <a:xfrm>
            <a:off x="6406429" y="2599509"/>
            <a:ext cx="4530898" cy="3639450"/>
          </a:xfrm>
          <a:prstGeom prst="rect">
            <a:avLst/>
          </a:prstGeom>
        </p:spPr>
        <p:txBody>
          <a:bodyPr vert="horz" lIns="91440" tIns="45720" rIns="91440" bIns="45720" rtlCol="0" anchor="ctr">
            <a:normAutofit/>
          </a:bodyPr>
          <a:lstStyle/>
          <a:p>
            <a:pPr marL="0" marR="0" indent="-228600">
              <a:lnSpc>
                <a:spcPct val="90000"/>
              </a:lnSpc>
              <a:spcBef>
                <a:spcPts val="0"/>
              </a:spcBef>
              <a:spcAft>
                <a:spcPts val="600"/>
              </a:spcAft>
              <a:buFont typeface="Arial" panose="020B0604020202020204" pitchFamily="34" charset="0"/>
              <a:buChar char="•"/>
            </a:pPr>
            <a:r>
              <a:rPr lang="en-US" sz="2000">
                <a:effectLst/>
              </a:rPr>
              <a:t>Please return this form to </a:t>
            </a:r>
            <a:r>
              <a:rPr lang="en-US" sz="2000" u="sng">
                <a:effectLst/>
                <a:hlinkClick r:id="rId3"/>
              </a:rPr>
              <a:t>reports@maca-us.org</a:t>
            </a:r>
            <a:r>
              <a:rPr lang="en-US" sz="2000">
                <a:effectLst/>
              </a:rPr>
              <a:t>.  If you have any questions, please contact Anne Statton at 312-334-0974.  You may also return this form by </a:t>
            </a:r>
            <a:r>
              <a:rPr lang="en-US" sz="2000" u="sng">
                <a:effectLst/>
              </a:rPr>
              <a:t>fax to 312-334-0973.</a:t>
            </a:r>
            <a:endParaRPr lang="en-US" sz="2000">
              <a:effectLst/>
            </a:endParaRPr>
          </a:p>
        </p:txBody>
      </p:sp>
      <p:sp>
        <p:nvSpPr>
          <p:cNvPr id="17" name="Rectangle 16">
            <a:extLst>
              <a:ext uri="{FF2B5EF4-FFF2-40B4-BE49-F238E27FC236}">
                <a16:creationId xmlns:a16="http://schemas.microsoft.com/office/drawing/2014/main" id="{5A55FBCD-CD42-40F5-8A1B-3203F9CAEEA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rot="5400000">
            <a:off x="11228040" y="2313027"/>
            <a:ext cx="781700" cy="152382"/>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6977787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32BC26D8-82FB-445E-AA49-62A77D7C1EE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solidFill>
            <a:schemeClr val="tx1">
              <a:lumMod val="65000"/>
              <a:lumOff val="3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CB44330D-EA18-4254-AA95-EB49948539B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477012" y="480060"/>
            <a:ext cx="11237976" cy="589788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4" name="Content Placeholder 3" descr="A person holding a cup&#10;&#10;Description automatically generated">
            <a:extLst>
              <a:ext uri="{FF2B5EF4-FFF2-40B4-BE49-F238E27FC236}">
                <a16:creationId xmlns:a16="http://schemas.microsoft.com/office/drawing/2014/main" id="{947783BF-449B-D99E-8F16-993692CA1F41}"/>
              </a:ext>
            </a:extLst>
          </p:cNvPr>
          <p:cNvPicPr>
            <a:picLocks noGrp="1" noChangeAspect="1"/>
          </p:cNvPicPr>
          <p:nvPr>
            <p:ph idx="1"/>
          </p:nvPr>
        </p:nvPicPr>
        <p:blipFill>
          <a:blip r:embed="rId2"/>
          <a:stretch>
            <a:fillRect/>
          </a:stretch>
        </p:blipFill>
        <p:spPr>
          <a:xfrm>
            <a:off x="2838067" y="643467"/>
            <a:ext cx="6515866" cy="5571066"/>
          </a:xfrm>
          <a:prstGeom prst="rect">
            <a:avLst/>
          </a:prstGeom>
        </p:spPr>
      </p:pic>
    </p:spTree>
    <p:extLst>
      <p:ext uri="{BB962C8B-B14F-4D97-AF65-F5344CB8AC3E}">
        <p14:creationId xmlns:p14="http://schemas.microsoft.com/office/powerpoint/2010/main" val="415609179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9C5DA1-0F23-6336-D44B-4C696A0F757A}"/>
              </a:ext>
            </a:extLst>
          </p:cNvPr>
          <p:cNvSpPr>
            <a:spLocks noGrp="1"/>
          </p:cNvSpPr>
          <p:nvPr>
            <p:ph type="title"/>
          </p:nvPr>
        </p:nvSpPr>
        <p:spPr/>
        <p:txBody>
          <a:bodyPr/>
          <a:lstStyle/>
          <a:p>
            <a:r>
              <a:rPr lang="en-US" dirty="0"/>
              <a:t>HIV/Syphilis Hotline/Warmline</a:t>
            </a:r>
          </a:p>
        </p:txBody>
      </p:sp>
      <p:sp>
        <p:nvSpPr>
          <p:cNvPr id="3" name="Content Placeholder 2">
            <a:extLst>
              <a:ext uri="{FF2B5EF4-FFF2-40B4-BE49-F238E27FC236}">
                <a16:creationId xmlns:a16="http://schemas.microsoft.com/office/drawing/2014/main" id="{1E23B87B-0C0D-40D9-D9DE-38B5C757362C}"/>
              </a:ext>
            </a:extLst>
          </p:cNvPr>
          <p:cNvSpPr>
            <a:spLocks noGrp="1"/>
          </p:cNvSpPr>
          <p:nvPr>
            <p:ph idx="1"/>
          </p:nvPr>
        </p:nvSpPr>
        <p:spPr/>
        <p:txBody>
          <a:bodyPr/>
          <a:lstStyle/>
          <a:p>
            <a:endParaRPr lang="en-US" dirty="0"/>
          </a:p>
          <a:p>
            <a:pPr algn="ctr"/>
            <a:r>
              <a:rPr lang="en-US" sz="7200" dirty="0"/>
              <a:t>1-800-439-2079</a:t>
            </a:r>
          </a:p>
          <a:p>
            <a:endParaRPr lang="en-US" dirty="0"/>
          </a:p>
          <a:p>
            <a:endParaRPr lang="en-US" dirty="0"/>
          </a:p>
          <a:p>
            <a:r>
              <a:rPr lang="en-US" dirty="0"/>
              <a:t>For support with Syphilis diagnosis, record search and treatment support for providers testing pregnant people for syphilis.  That telephone number is the </a:t>
            </a:r>
            <a:r>
              <a:rPr lang="en-US" b="1" i="1" u="sng" dirty="0"/>
              <a:t>same</a:t>
            </a:r>
            <a:r>
              <a:rPr lang="en-US" dirty="0"/>
              <a:t> as the HIV hotline number.</a:t>
            </a:r>
          </a:p>
        </p:txBody>
      </p:sp>
    </p:spTree>
    <p:extLst>
      <p:ext uri="{BB962C8B-B14F-4D97-AF65-F5344CB8AC3E}">
        <p14:creationId xmlns:p14="http://schemas.microsoft.com/office/powerpoint/2010/main" val="84842384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32" name="Rectangle 31">
            <a:extLst>
              <a:ext uri="{FF2B5EF4-FFF2-40B4-BE49-F238E27FC236}">
                <a16:creationId xmlns:a16="http://schemas.microsoft.com/office/drawing/2014/main" id="{B95B9BA8-1D69-4796-85F5-B6D0BD52354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1B18BC4B-AF9F-E066-2554-0D85FB127368}"/>
              </a:ext>
            </a:extLst>
          </p:cNvPr>
          <p:cNvSpPr>
            <a:spLocks noGrp="1"/>
          </p:cNvSpPr>
          <p:nvPr>
            <p:ph type="title"/>
          </p:nvPr>
        </p:nvSpPr>
        <p:spPr>
          <a:xfrm>
            <a:off x="6981825" y="1641752"/>
            <a:ext cx="4391024" cy="1323439"/>
          </a:xfrm>
        </p:spPr>
        <p:txBody>
          <a:bodyPr vert="horz" lIns="91440" tIns="45720" rIns="91440" bIns="45720" rtlCol="0" anchor="t">
            <a:normAutofit/>
          </a:bodyPr>
          <a:lstStyle/>
          <a:p>
            <a:r>
              <a:rPr lang="en-US" sz="3100" kern="1200" dirty="0">
                <a:solidFill>
                  <a:schemeClr val="bg1"/>
                </a:solidFill>
                <a:latin typeface="+mj-lt"/>
                <a:ea typeface="+mj-ea"/>
                <a:cs typeface="+mj-cs"/>
              </a:rPr>
              <a:t>Welcome </a:t>
            </a:r>
            <a:br>
              <a:rPr lang="en-US" sz="3100" kern="1200" dirty="0">
                <a:solidFill>
                  <a:schemeClr val="bg1"/>
                </a:solidFill>
                <a:latin typeface="+mj-lt"/>
                <a:ea typeface="+mj-ea"/>
                <a:cs typeface="+mj-cs"/>
              </a:rPr>
            </a:br>
            <a:r>
              <a:rPr lang="en-US" sz="3100" kern="1200" dirty="0">
                <a:solidFill>
                  <a:schemeClr val="bg1"/>
                </a:solidFill>
                <a:latin typeface="+mj-lt"/>
                <a:ea typeface="+mj-ea"/>
                <a:cs typeface="+mj-cs"/>
              </a:rPr>
              <a:t>Elle </a:t>
            </a:r>
            <a:r>
              <a:rPr lang="en-US" sz="3100" kern="1200" dirty="0" err="1">
                <a:solidFill>
                  <a:schemeClr val="bg1"/>
                </a:solidFill>
                <a:latin typeface="+mj-lt"/>
                <a:ea typeface="+mj-ea"/>
                <a:cs typeface="+mj-cs"/>
              </a:rPr>
              <a:t>Suse</a:t>
            </a:r>
            <a:r>
              <a:rPr lang="en-US" sz="3100" kern="1200" dirty="0">
                <a:solidFill>
                  <a:schemeClr val="bg1"/>
                </a:solidFill>
                <a:latin typeface="+mj-lt"/>
                <a:ea typeface="+mj-ea"/>
                <a:cs typeface="+mj-cs"/>
              </a:rPr>
              <a:t> &amp; </a:t>
            </a:r>
            <a:r>
              <a:rPr lang="en-US" sz="3100" kern="1200" dirty="0" err="1">
                <a:solidFill>
                  <a:schemeClr val="bg1"/>
                </a:solidFill>
                <a:latin typeface="+mj-lt"/>
                <a:ea typeface="+mj-ea"/>
                <a:cs typeface="+mj-cs"/>
              </a:rPr>
              <a:t>Kiela</a:t>
            </a:r>
            <a:r>
              <a:rPr lang="en-US" sz="3100" kern="1200" dirty="0">
                <a:solidFill>
                  <a:schemeClr val="bg1"/>
                </a:solidFill>
                <a:latin typeface="+mj-lt"/>
                <a:ea typeface="+mj-ea"/>
                <a:cs typeface="+mj-cs"/>
              </a:rPr>
              <a:t> Moreno</a:t>
            </a:r>
          </a:p>
        </p:txBody>
      </p:sp>
      <p:grpSp>
        <p:nvGrpSpPr>
          <p:cNvPr id="25" name="Group 24">
            <a:extLst>
              <a:ext uri="{FF2B5EF4-FFF2-40B4-BE49-F238E27FC236}">
                <a16:creationId xmlns:a16="http://schemas.microsoft.com/office/drawing/2014/main" id="{CC09AFE8-9934-40C0-A058-4008A3B197E7}"/>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827160" y="1498600"/>
            <a:ext cx="5260976" cy="4707593"/>
            <a:chOff x="6096000" y="841376"/>
            <a:chExt cx="5260976" cy="4707593"/>
          </a:xfrm>
          <a:effectLst>
            <a:outerShdw blurRad="381000" dist="152400" dir="5400000" algn="ctr" rotWithShape="0">
              <a:srgbClr val="000000">
                <a:alpha val="10000"/>
              </a:srgbClr>
            </a:outerShdw>
          </a:effectLst>
        </p:grpSpPr>
        <p:grpSp>
          <p:nvGrpSpPr>
            <p:cNvPr id="26" name="Group 25">
              <a:extLst>
                <a:ext uri="{FF2B5EF4-FFF2-40B4-BE49-F238E27FC236}">
                  <a16:creationId xmlns:a16="http://schemas.microsoft.com/office/drawing/2014/main" id="{23588ED6-49C5-4EAF-BBCE-DB6B4184D365}"/>
                </a:ext>
                <a:ext uri="{C183D7F6-B498-43B3-948B-1728B52AA6E4}">
                  <adec:decorative xmlns:adec="http://schemas.microsoft.com/office/drawing/2017/decorative" val="1"/>
                </a:ext>
              </a:extLst>
            </p:cNvPr>
            <p:cNvGrpSpPr/>
            <p:nvPr>
              <p:extLst>
                <p:ext uri="{386F3935-93C4-4BCD-93E2-E3B085C9AB24}">
                  <p16:designElem xmlns:p16="http://schemas.microsoft.com/office/powerpoint/2015/main" val="1"/>
                </p:ext>
              </p:extLst>
            </p:nvPr>
          </p:nvGrpSpPr>
          <p:grpSpPr>
            <a:xfrm>
              <a:off x="6096001" y="841376"/>
              <a:ext cx="5260975" cy="4707593"/>
              <a:chOff x="6096001" y="841376"/>
              <a:chExt cx="5260975" cy="4707593"/>
            </a:xfrm>
          </p:grpSpPr>
          <p:sp>
            <p:nvSpPr>
              <p:cNvPr id="30" name="Freeform: Shape 29">
                <a:extLst>
                  <a:ext uri="{FF2B5EF4-FFF2-40B4-BE49-F238E27FC236}">
                    <a16:creationId xmlns:a16="http://schemas.microsoft.com/office/drawing/2014/main" id="{0149B80A-4A62-4495-AE87-F32755EBDD97}"/>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6096001" y="841376"/>
                <a:ext cx="5260975" cy="4707593"/>
              </a:xfrm>
              <a:custGeom>
                <a:avLst/>
                <a:gdLst>
                  <a:gd name="connsiteX0" fmla="*/ 0 w 5260975"/>
                  <a:gd name="connsiteY0" fmla="*/ 0 h 4707593"/>
                  <a:gd name="connsiteX1" fmla="*/ 5260975 w 5260975"/>
                  <a:gd name="connsiteY1" fmla="*/ 0 h 4707593"/>
                  <a:gd name="connsiteX2" fmla="*/ 5260975 w 5260975"/>
                  <a:gd name="connsiteY2" fmla="*/ 3296937 h 4707593"/>
                  <a:gd name="connsiteX3" fmla="*/ 5260975 w 5260975"/>
                  <a:gd name="connsiteY3" fmla="*/ 3518571 h 4707593"/>
                  <a:gd name="connsiteX4" fmla="*/ 5226503 w 5260975"/>
                  <a:gd name="connsiteY4" fmla="*/ 3534000 h 4707593"/>
                  <a:gd name="connsiteX5" fmla="*/ 5206341 w 5260975"/>
                  <a:gd name="connsiteY5" fmla="*/ 3542065 h 4707593"/>
                  <a:gd name="connsiteX6" fmla="*/ 5123287 w 5260975"/>
                  <a:gd name="connsiteY6" fmla="*/ 3594010 h 4707593"/>
                  <a:gd name="connsiteX7" fmla="*/ 5048107 w 5260975"/>
                  <a:gd name="connsiteY7" fmla="*/ 3658244 h 4707593"/>
                  <a:gd name="connsiteX8" fmla="*/ 4992899 w 5260975"/>
                  <a:gd name="connsiteY8" fmla="*/ 3734479 h 4707593"/>
                  <a:gd name="connsiteX9" fmla="*/ 4977440 w 5260975"/>
                  <a:gd name="connsiteY9" fmla="*/ 3752627 h 4707593"/>
                  <a:gd name="connsiteX10" fmla="*/ 4935193 w 5260975"/>
                  <a:gd name="connsiteY10" fmla="*/ 3775382 h 4707593"/>
                  <a:gd name="connsiteX11" fmla="*/ 4897844 w 5260975"/>
                  <a:gd name="connsiteY11" fmla="*/ 3792472 h 4707593"/>
                  <a:gd name="connsiteX12" fmla="*/ 4870767 w 5260975"/>
                  <a:gd name="connsiteY12" fmla="*/ 3811388 h 4707593"/>
                  <a:gd name="connsiteX13" fmla="*/ 4847916 w 5260975"/>
                  <a:gd name="connsiteY13" fmla="*/ 3828767 h 4707593"/>
                  <a:gd name="connsiteX14" fmla="*/ 4796163 w 5260975"/>
                  <a:gd name="connsiteY14" fmla="*/ 3873702 h 4707593"/>
                  <a:gd name="connsiteX15" fmla="*/ 4738843 w 5260975"/>
                  <a:gd name="connsiteY15" fmla="*/ 3911628 h 4707593"/>
                  <a:gd name="connsiteX16" fmla="*/ 4692755 w 5260975"/>
                  <a:gd name="connsiteY16" fmla="*/ 3958099 h 4707593"/>
                  <a:gd name="connsiteX17" fmla="*/ 4673744 w 5260975"/>
                  <a:gd name="connsiteY17" fmla="*/ 3983255 h 4707593"/>
                  <a:gd name="connsiteX18" fmla="*/ 4633801 w 5260975"/>
                  <a:gd name="connsiteY18" fmla="*/ 4000442 h 4707593"/>
                  <a:gd name="connsiteX19" fmla="*/ 4590499 w 5260975"/>
                  <a:gd name="connsiteY19" fmla="*/ 4027326 h 4707593"/>
                  <a:gd name="connsiteX20" fmla="*/ 4559773 w 5260975"/>
                  <a:gd name="connsiteY20" fmla="*/ 4054018 h 4707593"/>
                  <a:gd name="connsiteX21" fmla="*/ 4536059 w 5260975"/>
                  <a:gd name="connsiteY21" fmla="*/ 4071877 h 4707593"/>
                  <a:gd name="connsiteX22" fmla="*/ 4502549 w 5260975"/>
                  <a:gd name="connsiteY22" fmla="*/ 4089832 h 4707593"/>
                  <a:gd name="connsiteX23" fmla="*/ 4468944 w 5260975"/>
                  <a:gd name="connsiteY23" fmla="*/ 4113356 h 4707593"/>
                  <a:gd name="connsiteX24" fmla="*/ 4452622 w 5260975"/>
                  <a:gd name="connsiteY24" fmla="*/ 4127854 h 4707593"/>
                  <a:gd name="connsiteX25" fmla="*/ 4421032 w 5260975"/>
                  <a:gd name="connsiteY25" fmla="*/ 4151953 h 4707593"/>
                  <a:gd name="connsiteX26" fmla="*/ 4388483 w 5260975"/>
                  <a:gd name="connsiteY26" fmla="*/ 4174421 h 4707593"/>
                  <a:gd name="connsiteX27" fmla="*/ 4327321 w 5260975"/>
                  <a:gd name="connsiteY27" fmla="*/ 4200153 h 4707593"/>
                  <a:gd name="connsiteX28" fmla="*/ 4271633 w 5260975"/>
                  <a:gd name="connsiteY28" fmla="*/ 4237983 h 4707593"/>
                  <a:gd name="connsiteX29" fmla="*/ 4227465 w 5260975"/>
                  <a:gd name="connsiteY29" fmla="*/ 4265635 h 4707593"/>
                  <a:gd name="connsiteX30" fmla="*/ 4201733 w 5260975"/>
                  <a:gd name="connsiteY30" fmla="*/ 4283783 h 4707593"/>
                  <a:gd name="connsiteX31" fmla="*/ 4154494 w 5260975"/>
                  <a:gd name="connsiteY31" fmla="*/ 4324301 h 4707593"/>
                  <a:gd name="connsiteX32" fmla="*/ 4081234 w 5260975"/>
                  <a:gd name="connsiteY32" fmla="*/ 4366931 h 4707593"/>
                  <a:gd name="connsiteX33" fmla="*/ 4036971 w 5260975"/>
                  <a:gd name="connsiteY33" fmla="*/ 4389975 h 4707593"/>
                  <a:gd name="connsiteX34" fmla="*/ 3941725 w 5260975"/>
                  <a:gd name="connsiteY34" fmla="*/ 4424733 h 4707593"/>
                  <a:gd name="connsiteX35" fmla="*/ 3910999 w 5260975"/>
                  <a:gd name="connsiteY35" fmla="*/ 4437119 h 4707593"/>
                  <a:gd name="connsiteX36" fmla="*/ 3875859 w 5260975"/>
                  <a:gd name="connsiteY36" fmla="*/ 4445280 h 4707593"/>
                  <a:gd name="connsiteX37" fmla="*/ 3819401 w 5260975"/>
                  <a:gd name="connsiteY37" fmla="*/ 4464579 h 4707593"/>
                  <a:gd name="connsiteX38" fmla="*/ 3709176 w 5260975"/>
                  <a:gd name="connsiteY38" fmla="*/ 4497800 h 4707593"/>
                  <a:gd name="connsiteX39" fmla="*/ 3684981 w 5260975"/>
                  <a:gd name="connsiteY39" fmla="*/ 4502889 h 4707593"/>
                  <a:gd name="connsiteX40" fmla="*/ 3623338 w 5260975"/>
                  <a:gd name="connsiteY40" fmla="*/ 4524300 h 4707593"/>
                  <a:gd name="connsiteX41" fmla="*/ 3586373 w 5260975"/>
                  <a:gd name="connsiteY41" fmla="*/ 4538702 h 4707593"/>
                  <a:gd name="connsiteX42" fmla="*/ 3555743 w 5260975"/>
                  <a:gd name="connsiteY42" fmla="*/ 4546960 h 4707593"/>
                  <a:gd name="connsiteX43" fmla="*/ 3528667 w 5260975"/>
                  <a:gd name="connsiteY43" fmla="*/ 4550801 h 4707593"/>
                  <a:gd name="connsiteX44" fmla="*/ 3457424 w 5260975"/>
                  <a:gd name="connsiteY44" fmla="*/ 4569811 h 4707593"/>
                  <a:gd name="connsiteX45" fmla="*/ 3429003 w 5260975"/>
                  <a:gd name="connsiteY45" fmla="*/ 4577301 h 4707593"/>
                  <a:gd name="connsiteX46" fmla="*/ 3355264 w 5260975"/>
                  <a:gd name="connsiteY46" fmla="*/ 4603033 h 4707593"/>
                  <a:gd name="connsiteX47" fmla="*/ 3292757 w 5260975"/>
                  <a:gd name="connsiteY47" fmla="*/ 4620027 h 4707593"/>
                  <a:gd name="connsiteX48" fmla="*/ 3266643 w 5260975"/>
                  <a:gd name="connsiteY48" fmla="*/ 4628188 h 4707593"/>
                  <a:gd name="connsiteX49" fmla="*/ 3206921 w 5260975"/>
                  <a:gd name="connsiteY49" fmla="*/ 4641823 h 4707593"/>
                  <a:gd name="connsiteX50" fmla="*/ 3173123 w 5260975"/>
                  <a:gd name="connsiteY50" fmla="*/ 4651425 h 4707593"/>
                  <a:gd name="connsiteX51" fmla="*/ 3090646 w 5260975"/>
                  <a:gd name="connsiteY51" fmla="*/ 4662274 h 4707593"/>
                  <a:gd name="connsiteX52" fmla="*/ 3005480 w 5260975"/>
                  <a:gd name="connsiteY52" fmla="*/ 4672739 h 4707593"/>
                  <a:gd name="connsiteX53" fmla="*/ 2958721 w 5260975"/>
                  <a:gd name="connsiteY53" fmla="*/ 4676196 h 4707593"/>
                  <a:gd name="connsiteX54" fmla="*/ 2917915 w 5260975"/>
                  <a:gd name="connsiteY54" fmla="*/ 4681670 h 4707593"/>
                  <a:gd name="connsiteX55" fmla="*/ 2882389 w 5260975"/>
                  <a:gd name="connsiteY55" fmla="*/ 4685126 h 4707593"/>
                  <a:gd name="connsiteX56" fmla="*/ 2825837 w 5260975"/>
                  <a:gd name="connsiteY56" fmla="*/ 4692135 h 4707593"/>
                  <a:gd name="connsiteX57" fmla="*/ 2802313 w 5260975"/>
                  <a:gd name="connsiteY57" fmla="*/ 4693960 h 4707593"/>
                  <a:gd name="connsiteX58" fmla="*/ 2746816 w 5260975"/>
                  <a:gd name="connsiteY58" fmla="*/ 4693863 h 4707593"/>
                  <a:gd name="connsiteX59" fmla="*/ 2727517 w 5260975"/>
                  <a:gd name="connsiteY59" fmla="*/ 4692903 h 4707593"/>
                  <a:gd name="connsiteX60" fmla="*/ 2690359 w 5260975"/>
                  <a:gd name="connsiteY60" fmla="*/ 4680997 h 4707593"/>
                  <a:gd name="connsiteX61" fmla="*/ 2685943 w 5260975"/>
                  <a:gd name="connsiteY61" fmla="*/ 4680133 h 4707593"/>
                  <a:gd name="connsiteX62" fmla="*/ 2661554 w 5260975"/>
                  <a:gd name="connsiteY62" fmla="*/ 4675428 h 4707593"/>
                  <a:gd name="connsiteX63" fmla="*/ 2648208 w 5260975"/>
                  <a:gd name="connsiteY63" fmla="*/ 4673892 h 4707593"/>
                  <a:gd name="connsiteX64" fmla="*/ 2597512 w 5260975"/>
                  <a:gd name="connsiteY64" fmla="*/ 4664099 h 4707593"/>
                  <a:gd name="connsiteX65" fmla="*/ 2568324 w 5260975"/>
                  <a:gd name="connsiteY65" fmla="*/ 4659490 h 4707593"/>
                  <a:gd name="connsiteX66" fmla="*/ 2544704 w 5260975"/>
                  <a:gd name="connsiteY66" fmla="*/ 4660162 h 4707593"/>
                  <a:gd name="connsiteX67" fmla="*/ 2503225 w 5260975"/>
                  <a:gd name="connsiteY67" fmla="*/ 4661026 h 4707593"/>
                  <a:gd name="connsiteX68" fmla="*/ 2489975 w 5260975"/>
                  <a:gd name="connsiteY68" fmla="*/ 4663235 h 4707593"/>
                  <a:gd name="connsiteX69" fmla="*/ 2430061 w 5260975"/>
                  <a:gd name="connsiteY69" fmla="*/ 4656897 h 4707593"/>
                  <a:gd name="connsiteX70" fmla="*/ 2395880 w 5260975"/>
                  <a:gd name="connsiteY70" fmla="*/ 4656417 h 4707593"/>
                  <a:gd name="connsiteX71" fmla="*/ 2357378 w 5260975"/>
                  <a:gd name="connsiteY71" fmla="*/ 4648544 h 4707593"/>
                  <a:gd name="connsiteX72" fmla="*/ 2346145 w 5260975"/>
                  <a:gd name="connsiteY72" fmla="*/ 4648928 h 4707593"/>
                  <a:gd name="connsiteX73" fmla="*/ 2333567 w 5260975"/>
                  <a:gd name="connsiteY73" fmla="*/ 4649600 h 4707593"/>
                  <a:gd name="connsiteX74" fmla="*/ 2294968 w 5260975"/>
                  <a:gd name="connsiteY74" fmla="*/ 4650177 h 4707593"/>
                  <a:gd name="connsiteX75" fmla="*/ 2271540 w 5260975"/>
                  <a:gd name="connsiteY75" fmla="*/ 4653057 h 4707593"/>
                  <a:gd name="connsiteX76" fmla="*/ 2226895 w 5260975"/>
                  <a:gd name="connsiteY76" fmla="*/ 4651329 h 4707593"/>
                  <a:gd name="connsiteX77" fmla="*/ 2210379 w 5260975"/>
                  <a:gd name="connsiteY77" fmla="*/ 4653825 h 4707593"/>
                  <a:gd name="connsiteX78" fmla="*/ 2168613 w 5260975"/>
                  <a:gd name="connsiteY78" fmla="*/ 4654113 h 4707593"/>
                  <a:gd name="connsiteX79" fmla="*/ 2131167 w 5260975"/>
                  <a:gd name="connsiteY79" fmla="*/ 4652673 h 4707593"/>
                  <a:gd name="connsiteX80" fmla="*/ 2095065 w 5260975"/>
                  <a:gd name="connsiteY80" fmla="*/ 4653441 h 4707593"/>
                  <a:gd name="connsiteX81" fmla="*/ 2069237 w 5260975"/>
                  <a:gd name="connsiteY81" fmla="*/ 4656609 h 4707593"/>
                  <a:gd name="connsiteX82" fmla="*/ 2041201 w 5260975"/>
                  <a:gd name="connsiteY82" fmla="*/ 4658529 h 4707593"/>
                  <a:gd name="connsiteX83" fmla="*/ 1963909 w 5260975"/>
                  <a:gd name="connsiteY83" fmla="*/ 4669955 h 4707593"/>
                  <a:gd name="connsiteX84" fmla="*/ 1949603 w 5260975"/>
                  <a:gd name="connsiteY84" fmla="*/ 4667171 h 4707593"/>
                  <a:gd name="connsiteX85" fmla="*/ 1868373 w 5260975"/>
                  <a:gd name="connsiteY85" fmla="*/ 4664578 h 4707593"/>
                  <a:gd name="connsiteX86" fmla="*/ 1850707 w 5260975"/>
                  <a:gd name="connsiteY86" fmla="*/ 4664771 h 4707593"/>
                  <a:gd name="connsiteX87" fmla="*/ 1803275 w 5260975"/>
                  <a:gd name="connsiteY87" fmla="*/ 4653441 h 4707593"/>
                  <a:gd name="connsiteX88" fmla="*/ 1730112 w 5260975"/>
                  <a:gd name="connsiteY88" fmla="*/ 4671396 h 4707593"/>
                  <a:gd name="connsiteX89" fmla="*/ 1661652 w 5260975"/>
                  <a:gd name="connsiteY89" fmla="*/ 4693863 h 4707593"/>
                  <a:gd name="connsiteX90" fmla="*/ 1653011 w 5260975"/>
                  <a:gd name="connsiteY90" fmla="*/ 4696744 h 4707593"/>
                  <a:gd name="connsiteX91" fmla="*/ 1628431 w 5260975"/>
                  <a:gd name="connsiteY91" fmla="*/ 4701641 h 4707593"/>
                  <a:gd name="connsiteX92" fmla="*/ 1597995 w 5260975"/>
                  <a:gd name="connsiteY92" fmla="*/ 4703369 h 4707593"/>
                  <a:gd name="connsiteX93" fmla="*/ 1559396 w 5260975"/>
                  <a:gd name="connsiteY93" fmla="*/ 4707593 h 4707593"/>
                  <a:gd name="connsiteX94" fmla="*/ 1528480 w 5260975"/>
                  <a:gd name="connsiteY94" fmla="*/ 4702312 h 4707593"/>
                  <a:gd name="connsiteX95" fmla="*/ 1485272 w 5260975"/>
                  <a:gd name="connsiteY95" fmla="*/ 4694439 h 4707593"/>
                  <a:gd name="connsiteX96" fmla="*/ 1444562 w 5260975"/>
                  <a:gd name="connsiteY96" fmla="*/ 4686950 h 4707593"/>
                  <a:gd name="connsiteX97" fmla="*/ 1431696 w 5260975"/>
                  <a:gd name="connsiteY97" fmla="*/ 4695783 h 4707593"/>
                  <a:gd name="connsiteX98" fmla="*/ 1411821 w 5260975"/>
                  <a:gd name="connsiteY98" fmla="*/ 4703464 h 4707593"/>
                  <a:gd name="connsiteX99" fmla="*/ 1389738 w 5260975"/>
                  <a:gd name="connsiteY99" fmla="*/ 4694247 h 4707593"/>
                  <a:gd name="connsiteX100" fmla="*/ 1338081 w 5260975"/>
                  <a:gd name="connsiteY100" fmla="*/ 4675141 h 4707593"/>
                  <a:gd name="connsiteX101" fmla="*/ 1305436 w 5260975"/>
                  <a:gd name="connsiteY101" fmla="*/ 4674276 h 4707593"/>
                  <a:gd name="connsiteX102" fmla="*/ 1234481 w 5260975"/>
                  <a:gd name="connsiteY102" fmla="*/ 4666115 h 4707593"/>
                  <a:gd name="connsiteX103" fmla="*/ 1188106 w 5260975"/>
                  <a:gd name="connsiteY103" fmla="*/ 4654497 h 4707593"/>
                  <a:gd name="connsiteX104" fmla="*/ 1154790 w 5260975"/>
                  <a:gd name="connsiteY104" fmla="*/ 4641343 h 4707593"/>
                  <a:gd name="connsiteX105" fmla="*/ 1107069 w 5260975"/>
                  <a:gd name="connsiteY105" fmla="*/ 4624156 h 4707593"/>
                  <a:gd name="connsiteX106" fmla="*/ 1059158 w 5260975"/>
                  <a:gd name="connsiteY106" fmla="*/ 4615227 h 4707593"/>
                  <a:gd name="connsiteX107" fmla="*/ 1024496 w 5260975"/>
                  <a:gd name="connsiteY107" fmla="*/ 4603993 h 4707593"/>
                  <a:gd name="connsiteX108" fmla="*/ 982153 w 5260975"/>
                  <a:gd name="connsiteY108" fmla="*/ 4596311 h 4707593"/>
                  <a:gd name="connsiteX109" fmla="*/ 946628 w 5260975"/>
                  <a:gd name="connsiteY109" fmla="*/ 4596024 h 4707593"/>
                  <a:gd name="connsiteX110" fmla="*/ 890939 w 5260975"/>
                  <a:gd name="connsiteY110" fmla="*/ 4597368 h 4707593"/>
                  <a:gd name="connsiteX111" fmla="*/ 822769 w 5260975"/>
                  <a:gd name="connsiteY111" fmla="*/ 4574133 h 4707593"/>
                  <a:gd name="connsiteX112" fmla="*/ 795212 w 5260975"/>
                  <a:gd name="connsiteY112" fmla="*/ 4568947 h 4707593"/>
                  <a:gd name="connsiteX113" fmla="*/ 769288 w 5260975"/>
                  <a:gd name="connsiteY113" fmla="*/ 4566547 h 4707593"/>
                  <a:gd name="connsiteX114" fmla="*/ 714271 w 5260975"/>
                  <a:gd name="connsiteY114" fmla="*/ 4551089 h 4707593"/>
                  <a:gd name="connsiteX115" fmla="*/ 691900 w 5260975"/>
                  <a:gd name="connsiteY115" fmla="*/ 4545999 h 4707593"/>
                  <a:gd name="connsiteX116" fmla="*/ 660598 w 5260975"/>
                  <a:gd name="connsiteY116" fmla="*/ 4546096 h 4707593"/>
                  <a:gd name="connsiteX117" fmla="*/ 603662 w 5260975"/>
                  <a:gd name="connsiteY117" fmla="*/ 4538991 h 4707593"/>
                  <a:gd name="connsiteX118" fmla="*/ 546821 w 5260975"/>
                  <a:gd name="connsiteY118" fmla="*/ 4518251 h 4707593"/>
                  <a:gd name="connsiteX119" fmla="*/ 522721 w 5260975"/>
                  <a:gd name="connsiteY119" fmla="*/ 4520267 h 4707593"/>
                  <a:gd name="connsiteX120" fmla="*/ 514080 w 5260975"/>
                  <a:gd name="connsiteY120" fmla="*/ 4519788 h 4707593"/>
                  <a:gd name="connsiteX121" fmla="*/ 436404 w 5260975"/>
                  <a:gd name="connsiteY121" fmla="*/ 4508361 h 4707593"/>
                  <a:gd name="connsiteX122" fmla="*/ 428626 w 5260975"/>
                  <a:gd name="connsiteY122" fmla="*/ 4507114 h 4707593"/>
                  <a:gd name="connsiteX123" fmla="*/ 392141 w 5260975"/>
                  <a:gd name="connsiteY123" fmla="*/ 4496936 h 4707593"/>
                  <a:gd name="connsiteX124" fmla="*/ 300157 w 5260975"/>
                  <a:gd name="connsiteY124" fmla="*/ 4490599 h 4707593"/>
                  <a:gd name="connsiteX125" fmla="*/ 294493 w 5260975"/>
                  <a:gd name="connsiteY125" fmla="*/ 4489831 h 4707593"/>
                  <a:gd name="connsiteX126" fmla="*/ 263671 w 5260975"/>
                  <a:gd name="connsiteY126" fmla="*/ 4494919 h 4707593"/>
                  <a:gd name="connsiteX127" fmla="*/ 248406 w 5260975"/>
                  <a:gd name="connsiteY127" fmla="*/ 4502121 h 4707593"/>
                  <a:gd name="connsiteX128" fmla="*/ 224594 w 5260975"/>
                  <a:gd name="connsiteY128" fmla="*/ 4509610 h 4707593"/>
                  <a:gd name="connsiteX129" fmla="*/ 200398 w 5260975"/>
                  <a:gd name="connsiteY129" fmla="*/ 4512395 h 4707593"/>
                  <a:gd name="connsiteX130" fmla="*/ 159783 w 5260975"/>
                  <a:gd name="connsiteY130" fmla="*/ 4501064 h 4707593"/>
                  <a:gd name="connsiteX131" fmla="*/ 144997 w 5260975"/>
                  <a:gd name="connsiteY131" fmla="*/ 4499912 h 4707593"/>
                  <a:gd name="connsiteX132" fmla="*/ 112064 w 5260975"/>
                  <a:gd name="connsiteY132" fmla="*/ 4494440 h 4707593"/>
                  <a:gd name="connsiteX133" fmla="*/ 83259 w 5260975"/>
                  <a:gd name="connsiteY133" fmla="*/ 4494824 h 4707593"/>
                  <a:gd name="connsiteX134" fmla="*/ 60120 w 5260975"/>
                  <a:gd name="connsiteY134" fmla="*/ 4503561 h 4707593"/>
                  <a:gd name="connsiteX135" fmla="*/ 26514 w 5260975"/>
                  <a:gd name="connsiteY135" fmla="*/ 4505289 h 4707593"/>
                  <a:gd name="connsiteX136" fmla="*/ 4814 w 5260975"/>
                  <a:gd name="connsiteY136" fmla="*/ 4498952 h 4707593"/>
                  <a:gd name="connsiteX137" fmla="*/ 398 w 5260975"/>
                  <a:gd name="connsiteY137" fmla="*/ 4498089 h 4707593"/>
                  <a:gd name="connsiteX138" fmla="*/ 0 w 5260975"/>
                  <a:gd name="connsiteY138" fmla="*/ 4498087 h 47075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Lst>
                <a:rect l="l" t="t" r="r" b="b"/>
                <a:pathLst>
                  <a:path w="5260975" h="4707593">
                    <a:moveTo>
                      <a:pt x="0" y="0"/>
                    </a:moveTo>
                    <a:lnTo>
                      <a:pt x="5260975" y="0"/>
                    </a:lnTo>
                    <a:lnTo>
                      <a:pt x="5260975" y="3296937"/>
                    </a:lnTo>
                    <a:lnTo>
                      <a:pt x="5260975" y="3518571"/>
                    </a:lnTo>
                    <a:lnTo>
                      <a:pt x="5226503" y="3534000"/>
                    </a:lnTo>
                    <a:cubicBezTo>
                      <a:pt x="5219783" y="3536785"/>
                      <a:pt x="5212389" y="3538321"/>
                      <a:pt x="5206341" y="3542065"/>
                    </a:cubicBezTo>
                    <a:cubicBezTo>
                      <a:pt x="5178495" y="3559156"/>
                      <a:pt x="5151515" y="3577591"/>
                      <a:pt x="5123287" y="3594010"/>
                    </a:cubicBezTo>
                    <a:cubicBezTo>
                      <a:pt x="5094195" y="3611004"/>
                      <a:pt x="5068175" y="3631071"/>
                      <a:pt x="5048107" y="3658244"/>
                    </a:cubicBezTo>
                    <a:cubicBezTo>
                      <a:pt x="5029480" y="3683496"/>
                      <a:pt x="5011429" y="3709131"/>
                      <a:pt x="4992899" y="3734479"/>
                    </a:cubicBezTo>
                    <a:cubicBezTo>
                      <a:pt x="4988194" y="3740912"/>
                      <a:pt x="4983873" y="3748498"/>
                      <a:pt x="4977440" y="3752627"/>
                    </a:cubicBezTo>
                    <a:cubicBezTo>
                      <a:pt x="4964094" y="3761268"/>
                      <a:pt x="4949499" y="3768277"/>
                      <a:pt x="4935193" y="3775382"/>
                    </a:cubicBezTo>
                    <a:cubicBezTo>
                      <a:pt x="4922903" y="3781431"/>
                      <a:pt x="4909845" y="3785943"/>
                      <a:pt x="4897844" y="3792472"/>
                    </a:cubicBezTo>
                    <a:cubicBezTo>
                      <a:pt x="4888243" y="3797658"/>
                      <a:pt x="4879697" y="3804859"/>
                      <a:pt x="4870767" y="3811388"/>
                    </a:cubicBezTo>
                    <a:cubicBezTo>
                      <a:pt x="4862990" y="3817052"/>
                      <a:pt x="4854445" y="3821949"/>
                      <a:pt x="4847916" y="3828767"/>
                    </a:cubicBezTo>
                    <a:cubicBezTo>
                      <a:pt x="4831977" y="3845281"/>
                      <a:pt x="4815942" y="3861508"/>
                      <a:pt x="4796163" y="3873702"/>
                    </a:cubicBezTo>
                    <a:cubicBezTo>
                      <a:pt x="4776672" y="3885799"/>
                      <a:pt x="4758237" y="3899338"/>
                      <a:pt x="4738843" y="3911628"/>
                    </a:cubicBezTo>
                    <a:cubicBezTo>
                      <a:pt x="4719831" y="3923630"/>
                      <a:pt x="4702645" y="3936783"/>
                      <a:pt x="4692755" y="3958099"/>
                    </a:cubicBezTo>
                    <a:cubicBezTo>
                      <a:pt x="4688339" y="3967508"/>
                      <a:pt x="4682097" y="3977782"/>
                      <a:pt x="4673744" y="3983255"/>
                    </a:cubicBezTo>
                    <a:cubicBezTo>
                      <a:pt x="4661838" y="3991032"/>
                      <a:pt x="4646764" y="3993817"/>
                      <a:pt x="4633801" y="4000442"/>
                    </a:cubicBezTo>
                    <a:cubicBezTo>
                      <a:pt x="4618535" y="4008219"/>
                      <a:pt x="4600869" y="4014940"/>
                      <a:pt x="4590499" y="4027326"/>
                    </a:cubicBezTo>
                    <a:cubicBezTo>
                      <a:pt x="4581281" y="4038368"/>
                      <a:pt x="4571968" y="4047009"/>
                      <a:pt x="4559773" y="4054018"/>
                    </a:cubicBezTo>
                    <a:cubicBezTo>
                      <a:pt x="4551229" y="4058915"/>
                      <a:pt x="4544892" y="4067844"/>
                      <a:pt x="4536059" y="4071877"/>
                    </a:cubicBezTo>
                    <a:cubicBezTo>
                      <a:pt x="4524441" y="4077254"/>
                      <a:pt x="4512727" y="4081479"/>
                      <a:pt x="4502549" y="4089832"/>
                    </a:cubicBezTo>
                    <a:cubicBezTo>
                      <a:pt x="4491987" y="4098473"/>
                      <a:pt x="4479986" y="4105290"/>
                      <a:pt x="4468944" y="4113356"/>
                    </a:cubicBezTo>
                    <a:cubicBezTo>
                      <a:pt x="4463087" y="4117676"/>
                      <a:pt x="4458286" y="4123341"/>
                      <a:pt x="4452622" y="4127854"/>
                    </a:cubicBezTo>
                    <a:cubicBezTo>
                      <a:pt x="4442252" y="4136111"/>
                      <a:pt x="4431690" y="4144176"/>
                      <a:pt x="4421032" y="4151953"/>
                    </a:cubicBezTo>
                    <a:cubicBezTo>
                      <a:pt x="4410375" y="4159731"/>
                      <a:pt x="4400197" y="4168756"/>
                      <a:pt x="4388483" y="4174421"/>
                    </a:cubicBezTo>
                    <a:cubicBezTo>
                      <a:pt x="4368513" y="4184023"/>
                      <a:pt x="4346717" y="4189784"/>
                      <a:pt x="4327321" y="4200153"/>
                    </a:cubicBezTo>
                    <a:cubicBezTo>
                      <a:pt x="4307639" y="4210714"/>
                      <a:pt x="4289107" y="4223965"/>
                      <a:pt x="4271633" y="4237983"/>
                    </a:cubicBezTo>
                    <a:cubicBezTo>
                      <a:pt x="4257807" y="4249025"/>
                      <a:pt x="4244845" y="4259971"/>
                      <a:pt x="4227465" y="4265635"/>
                    </a:cubicBezTo>
                    <a:cubicBezTo>
                      <a:pt x="4217768" y="4268804"/>
                      <a:pt x="4207591" y="4275717"/>
                      <a:pt x="4201733" y="4283783"/>
                    </a:cubicBezTo>
                    <a:cubicBezTo>
                      <a:pt x="4189059" y="4301353"/>
                      <a:pt x="4172833" y="4313739"/>
                      <a:pt x="4154494" y="4324301"/>
                    </a:cubicBezTo>
                    <a:cubicBezTo>
                      <a:pt x="4130010" y="4338511"/>
                      <a:pt x="4105814" y="4353009"/>
                      <a:pt x="4081234" y="4366931"/>
                    </a:cubicBezTo>
                    <a:cubicBezTo>
                      <a:pt x="4066737" y="4375189"/>
                      <a:pt x="4052335" y="4383926"/>
                      <a:pt x="4036971" y="4389975"/>
                    </a:cubicBezTo>
                    <a:cubicBezTo>
                      <a:pt x="4005575" y="4402457"/>
                      <a:pt x="3973410" y="4413114"/>
                      <a:pt x="3941725" y="4424733"/>
                    </a:cubicBezTo>
                    <a:cubicBezTo>
                      <a:pt x="3931355" y="4428477"/>
                      <a:pt x="3921561" y="4433854"/>
                      <a:pt x="3910999" y="4437119"/>
                    </a:cubicBezTo>
                    <a:cubicBezTo>
                      <a:pt x="3899573" y="4440671"/>
                      <a:pt x="3887285" y="4441727"/>
                      <a:pt x="3875859" y="4445280"/>
                    </a:cubicBezTo>
                    <a:cubicBezTo>
                      <a:pt x="3856847" y="4451136"/>
                      <a:pt x="3838412" y="4458626"/>
                      <a:pt x="3819401" y="4464579"/>
                    </a:cubicBezTo>
                    <a:cubicBezTo>
                      <a:pt x="3782723" y="4476005"/>
                      <a:pt x="3745949" y="4486951"/>
                      <a:pt x="3709176" y="4497800"/>
                    </a:cubicBezTo>
                    <a:cubicBezTo>
                      <a:pt x="3701303" y="4500105"/>
                      <a:pt x="3692757" y="4500393"/>
                      <a:pt x="3684981" y="4502889"/>
                    </a:cubicBezTo>
                    <a:cubicBezTo>
                      <a:pt x="3664337" y="4509610"/>
                      <a:pt x="3643789" y="4516907"/>
                      <a:pt x="3623338" y="4524300"/>
                    </a:cubicBezTo>
                    <a:cubicBezTo>
                      <a:pt x="3610953" y="4528813"/>
                      <a:pt x="3598854" y="4534382"/>
                      <a:pt x="3586373" y="4538702"/>
                    </a:cubicBezTo>
                    <a:cubicBezTo>
                      <a:pt x="3576387" y="4542159"/>
                      <a:pt x="3566113" y="4544847"/>
                      <a:pt x="3555743" y="4546960"/>
                    </a:cubicBezTo>
                    <a:cubicBezTo>
                      <a:pt x="3546814" y="4548785"/>
                      <a:pt x="3537501" y="4548592"/>
                      <a:pt x="3528667" y="4550801"/>
                    </a:cubicBezTo>
                    <a:cubicBezTo>
                      <a:pt x="3504759" y="4556753"/>
                      <a:pt x="3481140" y="4563475"/>
                      <a:pt x="3457424" y="4569811"/>
                    </a:cubicBezTo>
                    <a:cubicBezTo>
                      <a:pt x="3447919" y="4572308"/>
                      <a:pt x="3438221" y="4574133"/>
                      <a:pt x="3429003" y="4577301"/>
                    </a:cubicBezTo>
                    <a:cubicBezTo>
                      <a:pt x="3404327" y="4585654"/>
                      <a:pt x="3380036" y="4595159"/>
                      <a:pt x="3355264" y="4603033"/>
                    </a:cubicBezTo>
                    <a:cubicBezTo>
                      <a:pt x="3334717" y="4609562"/>
                      <a:pt x="3313593" y="4614266"/>
                      <a:pt x="3292757" y="4620027"/>
                    </a:cubicBezTo>
                    <a:cubicBezTo>
                      <a:pt x="3283924" y="4622524"/>
                      <a:pt x="3275475" y="4626077"/>
                      <a:pt x="3266643" y="4628188"/>
                    </a:cubicBezTo>
                    <a:cubicBezTo>
                      <a:pt x="3246863" y="4632990"/>
                      <a:pt x="3226796" y="4637022"/>
                      <a:pt x="3206921" y="4641823"/>
                    </a:cubicBezTo>
                    <a:cubicBezTo>
                      <a:pt x="3195590" y="4644607"/>
                      <a:pt x="3184645" y="4649600"/>
                      <a:pt x="3173123" y="4651425"/>
                    </a:cubicBezTo>
                    <a:cubicBezTo>
                      <a:pt x="3145759" y="4655745"/>
                      <a:pt x="3118203" y="4658817"/>
                      <a:pt x="3090646" y="4662274"/>
                    </a:cubicBezTo>
                    <a:cubicBezTo>
                      <a:pt x="3062227" y="4665826"/>
                      <a:pt x="3033902" y="4669571"/>
                      <a:pt x="3005480" y="4672739"/>
                    </a:cubicBezTo>
                    <a:cubicBezTo>
                      <a:pt x="2989926" y="4674372"/>
                      <a:pt x="2974275" y="4674660"/>
                      <a:pt x="2958721" y="4676196"/>
                    </a:cubicBezTo>
                    <a:cubicBezTo>
                      <a:pt x="2945087" y="4677541"/>
                      <a:pt x="2931549" y="4680037"/>
                      <a:pt x="2917915" y="4681670"/>
                    </a:cubicBezTo>
                    <a:cubicBezTo>
                      <a:pt x="2906105" y="4683013"/>
                      <a:pt x="2894199" y="4683781"/>
                      <a:pt x="2882389" y="4685126"/>
                    </a:cubicBezTo>
                    <a:cubicBezTo>
                      <a:pt x="2863475" y="4687334"/>
                      <a:pt x="2844655" y="4689831"/>
                      <a:pt x="2825837" y="4692135"/>
                    </a:cubicBezTo>
                    <a:cubicBezTo>
                      <a:pt x="2817964" y="4692999"/>
                      <a:pt x="2809706" y="4695399"/>
                      <a:pt x="2802313" y="4693960"/>
                    </a:cubicBezTo>
                    <a:cubicBezTo>
                      <a:pt x="2783686" y="4690310"/>
                      <a:pt x="2765347" y="4691367"/>
                      <a:pt x="2746816" y="4693863"/>
                    </a:cubicBezTo>
                    <a:cubicBezTo>
                      <a:pt x="2740479" y="4694728"/>
                      <a:pt x="2733662" y="4694535"/>
                      <a:pt x="2727517" y="4692903"/>
                    </a:cubicBezTo>
                    <a:cubicBezTo>
                      <a:pt x="2714939" y="4689638"/>
                      <a:pt x="2702745" y="4685029"/>
                      <a:pt x="2690359" y="4680997"/>
                    </a:cubicBezTo>
                    <a:cubicBezTo>
                      <a:pt x="2689014" y="4680517"/>
                      <a:pt x="2687382" y="4680421"/>
                      <a:pt x="2685943" y="4680133"/>
                    </a:cubicBezTo>
                    <a:cubicBezTo>
                      <a:pt x="2677781" y="4678500"/>
                      <a:pt x="2669717" y="4676868"/>
                      <a:pt x="2661554" y="4675428"/>
                    </a:cubicBezTo>
                    <a:cubicBezTo>
                      <a:pt x="2657138" y="4674660"/>
                      <a:pt x="2652625" y="4674564"/>
                      <a:pt x="2648208" y="4673892"/>
                    </a:cubicBezTo>
                    <a:cubicBezTo>
                      <a:pt x="2631118" y="4671203"/>
                      <a:pt x="2612299" y="4675716"/>
                      <a:pt x="2597512" y="4664099"/>
                    </a:cubicBezTo>
                    <a:cubicBezTo>
                      <a:pt x="2587911" y="4656609"/>
                      <a:pt x="2578597" y="4658338"/>
                      <a:pt x="2568324" y="4659490"/>
                    </a:cubicBezTo>
                    <a:cubicBezTo>
                      <a:pt x="2560547" y="4660354"/>
                      <a:pt x="2552577" y="4660065"/>
                      <a:pt x="2544704" y="4660162"/>
                    </a:cubicBezTo>
                    <a:cubicBezTo>
                      <a:pt x="2530878" y="4660449"/>
                      <a:pt x="2517052" y="4660546"/>
                      <a:pt x="2503225" y="4661026"/>
                    </a:cubicBezTo>
                    <a:cubicBezTo>
                      <a:pt x="2498808" y="4661218"/>
                      <a:pt x="2494297" y="4663619"/>
                      <a:pt x="2489975" y="4663235"/>
                    </a:cubicBezTo>
                    <a:cubicBezTo>
                      <a:pt x="2470004" y="4661410"/>
                      <a:pt x="2450033" y="4658529"/>
                      <a:pt x="2430061" y="4656897"/>
                    </a:cubicBezTo>
                    <a:cubicBezTo>
                      <a:pt x="2418732" y="4655938"/>
                      <a:pt x="2407114" y="4657761"/>
                      <a:pt x="2395880" y="4656417"/>
                    </a:cubicBezTo>
                    <a:cubicBezTo>
                      <a:pt x="2382919" y="4654881"/>
                      <a:pt x="2370245" y="4650945"/>
                      <a:pt x="2357378" y="4648544"/>
                    </a:cubicBezTo>
                    <a:cubicBezTo>
                      <a:pt x="2353826" y="4647872"/>
                      <a:pt x="2349889" y="4648736"/>
                      <a:pt x="2346145" y="4648928"/>
                    </a:cubicBezTo>
                    <a:cubicBezTo>
                      <a:pt x="2341920" y="4649120"/>
                      <a:pt x="2337791" y="4649504"/>
                      <a:pt x="2333567" y="4649600"/>
                    </a:cubicBezTo>
                    <a:cubicBezTo>
                      <a:pt x="2320700" y="4649793"/>
                      <a:pt x="2307835" y="4649504"/>
                      <a:pt x="2294968" y="4650177"/>
                    </a:cubicBezTo>
                    <a:cubicBezTo>
                      <a:pt x="2287095" y="4650561"/>
                      <a:pt x="2278839" y="4654497"/>
                      <a:pt x="2271540" y="4653057"/>
                    </a:cubicBezTo>
                    <a:cubicBezTo>
                      <a:pt x="2256659" y="4650272"/>
                      <a:pt x="2241776" y="4656513"/>
                      <a:pt x="2226895" y="4651329"/>
                    </a:cubicBezTo>
                    <a:cubicBezTo>
                      <a:pt x="2222285" y="4649793"/>
                      <a:pt x="2215948" y="4653633"/>
                      <a:pt x="2210379" y="4653825"/>
                    </a:cubicBezTo>
                    <a:cubicBezTo>
                      <a:pt x="2196457" y="4654305"/>
                      <a:pt x="2182535" y="4654209"/>
                      <a:pt x="2168613" y="4654113"/>
                    </a:cubicBezTo>
                    <a:cubicBezTo>
                      <a:pt x="2156131" y="4654017"/>
                      <a:pt x="2143168" y="4655361"/>
                      <a:pt x="2131167" y="4652673"/>
                    </a:cubicBezTo>
                    <a:cubicBezTo>
                      <a:pt x="2118588" y="4649793"/>
                      <a:pt x="2107259" y="4650177"/>
                      <a:pt x="2095065" y="4653441"/>
                    </a:cubicBezTo>
                    <a:cubicBezTo>
                      <a:pt x="2086711" y="4655649"/>
                      <a:pt x="2077878" y="4655938"/>
                      <a:pt x="2069237" y="4656609"/>
                    </a:cubicBezTo>
                    <a:cubicBezTo>
                      <a:pt x="2059924" y="4657377"/>
                      <a:pt x="2049650" y="4655361"/>
                      <a:pt x="2041201" y="4658529"/>
                    </a:cubicBezTo>
                    <a:cubicBezTo>
                      <a:pt x="2016044" y="4667939"/>
                      <a:pt x="1990216" y="4669955"/>
                      <a:pt x="1963909" y="4669955"/>
                    </a:cubicBezTo>
                    <a:cubicBezTo>
                      <a:pt x="1959107" y="4669955"/>
                      <a:pt x="1954210" y="4668612"/>
                      <a:pt x="1949603" y="4667171"/>
                    </a:cubicBezTo>
                    <a:cubicBezTo>
                      <a:pt x="1922717" y="4658529"/>
                      <a:pt x="1895737" y="4659297"/>
                      <a:pt x="1868373" y="4664578"/>
                    </a:cubicBezTo>
                    <a:cubicBezTo>
                      <a:pt x="1862708" y="4665731"/>
                      <a:pt x="1856372" y="4665923"/>
                      <a:pt x="1850707" y="4664771"/>
                    </a:cubicBezTo>
                    <a:cubicBezTo>
                      <a:pt x="1834768" y="4661410"/>
                      <a:pt x="1819309" y="4655841"/>
                      <a:pt x="1803275" y="4653441"/>
                    </a:cubicBezTo>
                    <a:cubicBezTo>
                      <a:pt x="1776775" y="4649504"/>
                      <a:pt x="1753828" y="4662754"/>
                      <a:pt x="1730112" y="4671396"/>
                    </a:cubicBezTo>
                    <a:cubicBezTo>
                      <a:pt x="1707548" y="4679557"/>
                      <a:pt x="1688345" y="4697992"/>
                      <a:pt x="1661652" y="4693863"/>
                    </a:cubicBezTo>
                    <a:cubicBezTo>
                      <a:pt x="1658965" y="4693479"/>
                      <a:pt x="1655988" y="4696071"/>
                      <a:pt x="1653011" y="4696744"/>
                    </a:cubicBezTo>
                    <a:cubicBezTo>
                      <a:pt x="1644850" y="4698568"/>
                      <a:pt x="1636689" y="4700776"/>
                      <a:pt x="1628431" y="4701641"/>
                    </a:cubicBezTo>
                    <a:cubicBezTo>
                      <a:pt x="1618350" y="4702793"/>
                      <a:pt x="1608076" y="4702409"/>
                      <a:pt x="1597995" y="4703369"/>
                    </a:cubicBezTo>
                    <a:cubicBezTo>
                      <a:pt x="1585032" y="4704521"/>
                      <a:pt x="1572263" y="4707593"/>
                      <a:pt x="1559396" y="4707593"/>
                    </a:cubicBezTo>
                    <a:cubicBezTo>
                      <a:pt x="1549026" y="4707593"/>
                      <a:pt x="1538753" y="4704041"/>
                      <a:pt x="1528480" y="4702312"/>
                    </a:cubicBezTo>
                    <a:cubicBezTo>
                      <a:pt x="1513981" y="4699912"/>
                      <a:pt x="1498042" y="4700584"/>
                      <a:pt x="1485272" y="4694439"/>
                    </a:cubicBezTo>
                    <a:cubicBezTo>
                      <a:pt x="1471639" y="4687910"/>
                      <a:pt x="1458676" y="4684934"/>
                      <a:pt x="1444562" y="4686950"/>
                    </a:cubicBezTo>
                    <a:cubicBezTo>
                      <a:pt x="1439857" y="4687622"/>
                      <a:pt x="1433808" y="4691655"/>
                      <a:pt x="1431696" y="4695783"/>
                    </a:cubicBezTo>
                    <a:cubicBezTo>
                      <a:pt x="1426991" y="4705001"/>
                      <a:pt x="1420559" y="4706634"/>
                      <a:pt x="1411821" y="4703464"/>
                    </a:cubicBezTo>
                    <a:cubicBezTo>
                      <a:pt x="1404236" y="4700776"/>
                      <a:pt x="1394922" y="4699432"/>
                      <a:pt x="1389738" y="4694247"/>
                    </a:cubicBezTo>
                    <a:cubicBezTo>
                      <a:pt x="1375047" y="4679557"/>
                      <a:pt x="1356324" y="4679077"/>
                      <a:pt x="1338081" y="4675141"/>
                    </a:cubicBezTo>
                    <a:cubicBezTo>
                      <a:pt x="1326945" y="4672739"/>
                      <a:pt x="1316574" y="4672644"/>
                      <a:pt x="1305436" y="4674276"/>
                    </a:cubicBezTo>
                    <a:cubicBezTo>
                      <a:pt x="1281241" y="4677925"/>
                      <a:pt x="1257717" y="4672739"/>
                      <a:pt x="1234481" y="4666115"/>
                    </a:cubicBezTo>
                    <a:cubicBezTo>
                      <a:pt x="1219118" y="4661698"/>
                      <a:pt x="1203372" y="4659010"/>
                      <a:pt x="1188106" y="4654497"/>
                    </a:cubicBezTo>
                    <a:cubicBezTo>
                      <a:pt x="1176680" y="4651041"/>
                      <a:pt x="1165255" y="4646912"/>
                      <a:pt x="1154790" y="4641343"/>
                    </a:cubicBezTo>
                    <a:cubicBezTo>
                      <a:pt x="1139618" y="4633181"/>
                      <a:pt x="1126369" y="4620891"/>
                      <a:pt x="1107069" y="4624156"/>
                    </a:cubicBezTo>
                    <a:cubicBezTo>
                      <a:pt x="1090074" y="4627036"/>
                      <a:pt x="1074713" y="4620988"/>
                      <a:pt x="1059158" y="4615227"/>
                    </a:cubicBezTo>
                    <a:cubicBezTo>
                      <a:pt x="1047732" y="4611002"/>
                      <a:pt x="1036308" y="4606681"/>
                      <a:pt x="1024496" y="4603993"/>
                    </a:cubicBezTo>
                    <a:cubicBezTo>
                      <a:pt x="1010478" y="4600824"/>
                      <a:pt x="994635" y="4602169"/>
                      <a:pt x="982153" y="4596311"/>
                    </a:cubicBezTo>
                    <a:cubicBezTo>
                      <a:pt x="969095" y="4590166"/>
                      <a:pt x="958246" y="4594295"/>
                      <a:pt x="946628" y="4596024"/>
                    </a:cubicBezTo>
                    <a:cubicBezTo>
                      <a:pt x="928097" y="4598712"/>
                      <a:pt x="909661" y="4603705"/>
                      <a:pt x="890939" y="4597368"/>
                    </a:cubicBezTo>
                    <a:cubicBezTo>
                      <a:pt x="868184" y="4589687"/>
                      <a:pt x="845620" y="4581430"/>
                      <a:pt x="822769" y="4574133"/>
                    </a:cubicBezTo>
                    <a:cubicBezTo>
                      <a:pt x="813934" y="4571347"/>
                      <a:pt x="804431" y="4570195"/>
                      <a:pt x="795212" y="4568947"/>
                    </a:cubicBezTo>
                    <a:cubicBezTo>
                      <a:pt x="786476" y="4567891"/>
                      <a:pt x="776010" y="4570579"/>
                      <a:pt x="769288" y="4566547"/>
                    </a:cubicBezTo>
                    <a:cubicBezTo>
                      <a:pt x="752005" y="4556178"/>
                      <a:pt x="734243" y="4551089"/>
                      <a:pt x="714271" y="4551089"/>
                    </a:cubicBezTo>
                    <a:cubicBezTo>
                      <a:pt x="706781" y="4551089"/>
                      <a:pt x="699484" y="4546768"/>
                      <a:pt x="691900" y="4545999"/>
                    </a:cubicBezTo>
                    <a:cubicBezTo>
                      <a:pt x="681529" y="4545040"/>
                      <a:pt x="669623" y="4542447"/>
                      <a:pt x="660598" y="4546096"/>
                    </a:cubicBezTo>
                    <a:cubicBezTo>
                      <a:pt x="639379" y="4554737"/>
                      <a:pt x="622193" y="4547536"/>
                      <a:pt x="603662" y="4538991"/>
                    </a:cubicBezTo>
                    <a:cubicBezTo>
                      <a:pt x="585418" y="4530541"/>
                      <a:pt x="566215" y="4523821"/>
                      <a:pt x="546821" y="4518251"/>
                    </a:cubicBezTo>
                    <a:cubicBezTo>
                      <a:pt x="539524" y="4516235"/>
                      <a:pt x="530787" y="4519596"/>
                      <a:pt x="522721" y="4520267"/>
                    </a:cubicBezTo>
                    <a:cubicBezTo>
                      <a:pt x="519840" y="4520460"/>
                      <a:pt x="516671" y="4520748"/>
                      <a:pt x="514080" y="4519788"/>
                    </a:cubicBezTo>
                    <a:cubicBezTo>
                      <a:pt x="489020" y="4510570"/>
                      <a:pt x="463575" y="4503561"/>
                      <a:pt x="436404" y="4508361"/>
                    </a:cubicBezTo>
                    <a:cubicBezTo>
                      <a:pt x="433908" y="4508842"/>
                      <a:pt x="431123" y="4507786"/>
                      <a:pt x="428626" y="4507114"/>
                    </a:cubicBezTo>
                    <a:cubicBezTo>
                      <a:pt x="416432" y="4503657"/>
                      <a:pt x="404526" y="4498184"/>
                      <a:pt x="392141" y="4496936"/>
                    </a:cubicBezTo>
                    <a:cubicBezTo>
                      <a:pt x="361608" y="4493864"/>
                      <a:pt x="330884" y="4492615"/>
                      <a:pt x="300157" y="4490599"/>
                    </a:cubicBezTo>
                    <a:cubicBezTo>
                      <a:pt x="298237" y="4490503"/>
                      <a:pt x="296221" y="4490503"/>
                      <a:pt x="294493" y="4489831"/>
                    </a:cubicBezTo>
                    <a:cubicBezTo>
                      <a:pt x="283163" y="4485702"/>
                      <a:pt x="273274" y="4487047"/>
                      <a:pt x="263671" y="4494919"/>
                    </a:cubicBezTo>
                    <a:cubicBezTo>
                      <a:pt x="259447" y="4498376"/>
                      <a:pt x="253686" y="4500200"/>
                      <a:pt x="248406" y="4502121"/>
                    </a:cubicBezTo>
                    <a:cubicBezTo>
                      <a:pt x="240628" y="4505002"/>
                      <a:pt x="232659" y="4507786"/>
                      <a:pt x="224594" y="4509610"/>
                    </a:cubicBezTo>
                    <a:cubicBezTo>
                      <a:pt x="216624" y="4511338"/>
                      <a:pt x="208079" y="4513738"/>
                      <a:pt x="200398" y="4512395"/>
                    </a:cubicBezTo>
                    <a:cubicBezTo>
                      <a:pt x="186572" y="4509994"/>
                      <a:pt x="173417" y="4504618"/>
                      <a:pt x="159783" y="4501064"/>
                    </a:cubicBezTo>
                    <a:cubicBezTo>
                      <a:pt x="155079" y="4499816"/>
                      <a:pt x="149893" y="4500009"/>
                      <a:pt x="144997" y="4499912"/>
                    </a:cubicBezTo>
                    <a:cubicBezTo>
                      <a:pt x="133763" y="4499625"/>
                      <a:pt x="122241" y="4502409"/>
                      <a:pt x="112064" y="4494440"/>
                    </a:cubicBezTo>
                    <a:cubicBezTo>
                      <a:pt x="102655" y="4486951"/>
                      <a:pt x="93148" y="4489158"/>
                      <a:pt x="83259" y="4494824"/>
                    </a:cubicBezTo>
                    <a:cubicBezTo>
                      <a:pt x="76154" y="4498857"/>
                      <a:pt x="68090" y="4502025"/>
                      <a:pt x="60120" y="4503561"/>
                    </a:cubicBezTo>
                    <a:cubicBezTo>
                      <a:pt x="49174" y="4505673"/>
                      <a:pt x="38324" y="4506538"/>
                      <a:pt x="26514" y="4505289"/>
                    </a:cubicBezTo>
                    <a:cubicBezTo>
                      <a:pt x="18161" y="4504425"/>
                      <a:pt x="11343" y="4504041"/>
                      <a:pt x="4814" y="4498952"/>
                    </a:cubicBezTo>
                    <a:cubicBezTo>
                      <a:pt x="3759" y="4498184"/>
                      <a:pt x="1839" y="4497992"/>
                      <a:pt x="398" y="4498089"/>
                    </a:cubicBezTo>
                    <a:lnTo>
                      <a:pt x="0" y="4498087"/>
                    </a:lnTo>
                    <a:close/>
                  </a:path>
                </a:pathLst>
              </a:cu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31" name="Freeform: Shape 30">
                <a:extLst>
                  <a:ext uri="{FF2B5EF4-FFF2-40B4-BE49-F238E27FC236}">
                    <a16:creationId xmlns:a16="http://schemas.microsoft.com/office/drawing/2014/main" id="{438C3DC5-5887-49A9-AABB-A9772488F267}"/>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6096001" y="841376"/>
                <a:ext cx="5260975" cy="4707593"/>
              </a:xfrm>
              <a:custGeom>
                <a:avLst/>
                <a:gdLst>
                  <a:gd name="connsiteX0" fmla="*/ 0 w 5260975"/>
                  <a:gd name="connsiteY0" fmla="*/ 0 h 4707593"/>
                  <a:gd name="connsiteX1" fmla="*/ 5260975 w 5260975"/>
                  <a:gd name="connsiteY1" fmla="*/ 0 h 4707593"/>
                  <a:gd name="connsiteX2" fmla="*/ 5260975 w 5260975"/>
                  <a:gd name="connsiteY2" fmla="*/ 3296937 h 4707593"/>
                  <a:gd name="connsiteX3" fmla="*/ 5260975 w 5260975"/>
                  <a:gd name="connsiteY3" fmla="*/ 3518571 h 4707593"/>
                  <a:gd name="connsiteX4" fmla="*/ 5226503 w 5260975"/>
                  <a:gd name="connsiteY4" fmla="*/ 3534000 h 4707593"/>
                  <a:gd name="connsiteX5" fmla="*/ 5206341 w 5260975"/>
                  <a:gd name="connsiteY5" fmla="*/ 3542065 h 4707593"/>
                  <a:gd name="connsiteX6" fmla="*/ 5123287 w 5260975"/>
                  <a:gd name="connsiteY6" fmla="*/ 3594010 h 4707593"/>
                  <a:gd name="connsiteX7" fmla="*/ 5048107 w 5260975"/>
                  <a:gd name="connsiteY7" fmla="*/ 3658244 h 4707593"/>
                  <a:gd name="connsiteX8" fmla="*/ 4992899 w 5260975"/>
                  <a:gd name="connsiteY8" fmla="*/ 3734479 h 4707593"/>
                  <a:gd name="connsiteX9" fmla="*/ 4977440 w 5260975"/>
                  <a:gd name="connsiteY9" fmla="*/ 3752627 h 4707593"/>
                  <a:gd name="connsiteX10" fmla="*/ 4935193 w 5260975"/>
                  <a:gd name="connsiteY10" fmla="*/ 3775382 h 4707593"/>
                  <a:gd name="connsiteX11" fmla="*/ 4897844 w 5260975"/>
                  <a:gd name="connsiteY11" fmla="*/ 3792472 h 4707593"/>
                  <a:gd name="connsiteX12" fmla="*/ 4870767 w 5260975"/>
                  <a:gd name="connsiteY12" fmla="*/ 3811388 h 4707593"/>
                  <a:gd name="connsiteX13" fmla="*/ 4847916 w 5260975"/>
                  <a:gd name="connsiteY13" fmla="*/ 3828767 h 4707593"/>
                  <a:gd name="connsiteX14" fmla="*/ 4796163 w 5260975"/>
                  <a:gd name="connsiteY14" fmla="*/ 3873702 h 4707593"/>
                  <a:gd name="connsiteX15" fmla="*/ 4738843 w 5260975"/>
                  <a:gd name="connsiteY15" fmla="*/ 3911628 h 4707593"/>
                  <a:gd name="connsiteX16" fmla="*/ 4692755 w 5260975"/>
                  <a:gd name="connsiteY16" fmla="*/ 3958099 h 4707593"/>
                  <a:gd name="connsiteX17" fmla="*/ 4673744 w 5260975"/>
                  <a:gd name="connsiteY17" fmla="*/ 3983255 h 4707593"/>
                  <a:gd name="connsiteX18" fmla="*/ 4633801 w 5260975"/>
                  <a:gd name="connsiteY18" fmla="*/ 4000442 h 4707593"/>
                  <a:gd name="connsiteX19" fmla="*/ 4590499 w 5260975"/>
                  <a:gd name="connsiteY19" fmla="*/ 4027326 h 4707593"/>
                  <a:gd name="connsiteX20" fmla="*/ 4559773 w 5260975"/>
                  <a:gd name="connsiteY20" fmla="*/ 4054018 h 4707593"/>
                  <a:gd name="connsiteX21" fmla="*/ 4536059 w 5260975"/>
                  <a:gd name="connsiteY21" fmla="*/ 4071877 h 4707593"/>
                  <a:gd name="connsiteX22" fmla="*/ 4502549 w 5260975"/>
                  <a:gd name="connsiteY22" fmla="*/ 4089832 h 4707593"/>
                  <a:gd name="connsiteX23" fmla="*/ 4468944 w 5260975"/>
                  <a:gd name="connsiteY23" fmla="*/ 4113356 h 4707593"/>
                  <a:gd name="connsiteX24" fmla="*/ 4452622 w 5260975"/>
                  <a:gd name="connsiteY24" fmla="*/ 4127854 h 4707593"/>
                  <a:gd name="connsiteX25" fmla="*/ 4421032 w 5260975"/>
                  <a:gd name="connsiteY25" fmla="*/ 4151953 h 4707593"/>
                  <a:gd name="connsiteX26" fmla="*/ 4388483 w 5260975"/>
                  <a:gd name="connsiteY26" fmla="*/ 4174421 h 4707593"/>
                  <a:gd name="connsiteX27" fmla="*/ 4327321 w 5260975"/>
                  <a:gd name="connsiteY27" fmla="*/ 4200153 h 4707593"/>
                  <a:gd name="connsiteX28" fmla="*/ 4271633 w 5260975"/>
                  <a:gd name="connsiteY28" fmla="*/ 4237983 h 4707593"/>
                  <a:gd name="connsiteX29" fmla="*/ 4227465 w 5260975"/>
                  <a:gd name="connsiteY29" fmla="*/ 4265635 h 4707593"/>
                  <a:gd name="connsiteX30" fmla="*/ 4201733 w 5260975"/>
                  <a:gd name="connsiteY30" fmla="*/ 4283783 h 4707593"/>
                  <a:gd name="connsiteX31" fmla="*/ 4154494 w 5260975"/>
                  <a:gd name="connsiteY31" fmla="*/ 4324301 h 4707593"/>
                  <a:gd name="connsiteX32" fmla="*/ 4081234 w 5260975"/>
                  <a:gd name="connsiteY32" fmla="*/ 4366931 h 4707593"/>
                  <a:gd name="connsiteX33" fmla="*/ 4036971 w 5260975"/>
                  <a:gd name="connsiteY33" fmla="*/ 4389975 h 4707593"/>
                  <a:gd name="connsiteX34" fmla="*/ 3941725 w 5260975"/>
                  <a:gd name="connsiteY34" fmla="*/ 4424733 h 4707593"/>
                  <a:gd name="connsiteX35" fmla="*/ 3910999 w 5260975"/>
                  <a:gd name="connsiteY35" fmla="*/ 4437119 h 4707593"/>
                  <a:gd name="connsiteX36" fmla="*/ 3875859 w 5260975"/>
                  <a:gd name="connsiteY36" fmla="*/ 4445280 h 4707593"/>
                  <a:gd name="connsiteX37" fmla="*/ 3819401 w 5260975"/>
                  <a:gd name="connsiteY37" fmla="*/ 4464579 h 4707593"/>
                  <a:gd name="connsiteX38" fmla="*/ 3709176 w 5260975"/>
                  <a:gd name="connsiteY38" fmla="*/ 4497800 h 4707593"/>
                  <a:gd name="connsiteX39" fmla="*/ 3684981 w 5260975"/>
                  <a:gd name="connsiteY39" fmla="*/ 4502889 h 4707593"/>
                  <a:gd name="connsiteX40" fmla="*/ 3623338 w 5260975"/>
                  <a:gd name="connsiteY40" fmla="*/ 4524300 h 4707593"/>
                  <a:gd name="connsiteX41" fmla="*/ 3586373 w 5260975"/>
                  <a:gd name="connsiteY41" fmla="*/ 4538702 h 4707593"/>
                  <a:gd name="connsiteX42" fmla="*/ 3555743 w 5260975"/>
                  <a:gd name="connsiteY42" fmla="*/ 4546960 h 4707593"/>
                  <a:gd name="connsiteX43" fmla="*/ 3528667 w 5260975"/>
                  <a:gd name="connsiteY43" fmla="*/ 4550801 h 4707593"/>
                  <a:gd name="connsiteX44" fmla="*/ 3457424 w 5260975"/>
                  <a:gd name="connsiteY44" fmla="*/ 4569811 h 4707593"/>
                  <a:gd name="connsiteX45" fmla="*/ 3429003 w 5260975"/>
                  <a:gd name="connsiteY45" fmla="*/ 4577301 h 4707593"/>
                  <a:gd name="connsiteX46" fmla="*/ 3355264 w 5260975"/>
                  <a:gd name="connsiteY46" fmla="*/ 4603033 h 4707593"/>
                  <a:gd name="connsiteX47" fmla="*/ 3292757 w 5260975"/>
                  <a:gd name="connsiteY47" fmla="*/ 4620027 h 4707593"/>
                  <a:gd name="connsiteX48" fmla="*/ 3266643 w 5260975"/>
                  <a:gd name="connsiteY48" fmla="*/ 4628188 h 4707593"/>
                  <a:gd name="connsiteX49" fmla="*/ 3206921 w 5260975"/>
                  <a:gd name="connsiteY49" fmla="*/ 4641823 h 4707593"/>
                  <a:gd name="connsiteX50" fmla="*/ 3173123 w 5260975"/>
                  <a:gd name="connsiteY50" fmla="*/ 4651425 h 4707593"/>
                  <a:gd name="connsiteX51" fmla="*/ 3090646 w 5260975"/>
                  <a:gd name="connsiteY51" fmla="*/ 4662274 h 4707593"/>
                  <a:gd name="connsiteX52" fmla="*/ 3005480 w 5260975"/>
                  <a:gd name="connsiteY52" fmla="*/ 4672739 h 4707593"/>
                  <a:gd name="connsiteX53" fmla="*/ 2958721 w 5260975"/>
                  <a:gd name="connsiteY53" fmla="*/ 4676196 h 4707593"/>
                  <a:gd name="connsiteX54" fmla="*/ 2917915 w 5260975"/>
                  <a:gd name="connsiteY54" fmla="*/ 4681670 h 4707593"/>
                  <a:gd name="connsiteX55" fmla="*/ 2882389 w 5260975"/>
                  <a:gd name="connsiteY55" fmla="*/ 4685126 h 4707593"/>
                  <a:gd name="connsiteX56" fmla="*/ 2825837 w 5260975"/>
                  <a:gd name="connsiteY56" fmla="*/ 4692135 h 4707593"/>
                  <a:gd name="connsiteX57" fmla="*/ 2802313 w 5260975"/>
                  <a:gd name="connsiteY57" fmla="*/ 4693960 h 4707593"/>
                  <a:gd name="connsiteX58" fmla="*/ 2746816 w 5260975"/>
                  <a:gd name="connsiteY58" fmla="*/ 4693863 h 4707593"/>
                  <a:gd name="connsiteX59" fmla="*/ 2727517 w 5260975"/>
                  <a:gd name="connsiteY59" fmla="*/ 4692903 h 4707593"/>
                  <a:gd name="connsiteX60" fmla="*/ 2690359 w 5260975"/>
                  <a:gd name="connsiteY60" fmla="*/ 4680997 h 4707593"/>
                  <a:gd name="connsiteX61" fmla="*/ 2685943 w 5260975"/>
                  <a:gd name="connsiteY61" fmla="*/ 4680133 h 4707593"/>
                  <a:gd name="connsiteX62" fmla="*/ 2661554 w 5260975"/>
                  <a:gd name="connsiteY62" fmla="*/ 4675428 h 4707593"/>
                  <a:gd name="connsiteX63" fmla="*/ 2648208 w 5260975"/>
                  <a:gd name="connsiteY63" fmla="*/ 4673892 h 4707593"/>
                  <a:gd name="connsiteX64" fmla="*/ 2597512 w 5260975"/>
                  <a:gd name="connsiteY64" fmla="*/ 4664099 h 4707593"/>
                  <a:gd name="connsiteX65" fmla="*/ 2568324 w 5260975"/>
                  <a:gd name="connsiteY65" fmla="*/ 4659490 h 4707593"/>
                  <a:gd name="connsiteX66" fmla="*/ 2544704 w 5260975"/>
                  <a:gd name="connsiteY66" fmla="*/ 4660162 h 4707593"/>
                  <a:gd name="connsiteX67" fmla="*/ 2503225 w 5260975"/>
                  <a:gd name="connsiteY67" fmla="*/ 4661026 h 4707593"/>
                  <a:gd name="connsiteX68" fmla="*/ 2489975 w 5260975"/>
                  <a:gd name="connsiteY68" fmla="*/ 4663235 h 4707593"/>
                  <a:gd name="connsiteX69" fmla="*/ 2430061 w 5260975"/>
                  <a:gd name="connsiteY69" fmla="*/ 4656897 h 4707593"/>
                  <a:gd name="connsiteX70" fmla="*/ 2395880 w 5260975"/>
                  <a:gd name="connsiteY70" fmla="*/ 4656417 h 4707593"/>
                  <a:gd name="connsiteX71" fmla="*/ 2357378 w 5260975"/>
                  <a:gd name="connsiteY71" fmla="*/ 4648544 h 4707593"/>
                  <a:gd name="connsiteX72" fmla="*/ 2346145 w 5260975"/>
                  <a:gd name="connsiteY72" fmla="*/ 4648928 h 4707593"/>
                  <a:gd name="connsiteX73" fmla="*/ 2333567 w 5260975"/>
                  <a:gd name="connsiteY73" fmla="*/ 4649600 h 4707593"/>
                  <a:gd name="connsiteX74" fmla="*/ 2294968 w 5260975"/>
                  <a:gd name="connsiteY74" fmla="*/ 4650177 h 4707593"/>
                  <a:gd name="connsiteX75" fmla="*/ 2271540 w 5260975"/>
                  <a:gd name="connsiteY75" fmla="*/ 4653057 h 4707593"/>
                  <a:gd name="connsiteX76" fmla="*/ 2226895 w 5260975"/>
                  <a:gd name="connsiteY76" fmla="*/ 4651329 h 4707593"/>
                  <a:gd name="connsiteX77" fmla="*/ 2210379 w 5260975"/>
                  <a:gd name="connsiteY77" fmla="*/ 4653825 h 4707593"/>
                  <a:gd name="connsiteX78" fmla="*/ 2168613 w 5260975"/>
                  <a:gd name="connsiteY78" fmla="*/ 4654113 h 4707593"/>
                  <a:gd name="connsiteX79" fmla="*/ 2131167 w 5260975"/>
                  <a:gd name="connsiteY79" fmla="*/ 4652673 h 4707593"/>
                  <a:gd name="connsiteX80" fmla="*/ 2095065 w 5260975"/>
                  <a:gd name="connsiteY80" fmla="*/ 4653441 h 4707593"/>
                  <a:gd name="connsiteX81" fmla="*/ 2069237 w 5260975"/>
                  <a:gd name="connsiteY81" fmla="*/ 4656609 h 4707593"/>
                  <a:gd name="connsiteX82" fmla="*/ 2041201 w 5260975"/>
                  <a:gd name="connsiteY82" fmla="*/ 4658529 h 4707593"/>
                  <a:gd name="connsiteX83" fmla="*/ 1963909 w 5260975"/>
                  <a:gd name="connsiteY83" fmla="*/ 4669955 h 4707593"/>
                  <a:gd name="connsiteX84" fmla="*/ 1949603 w 5260975"/>
                  <a:gd name="connsiteY84" fmla="*/ 4667171 h 4707593"/>
                  <a:gd name="connsiteX85" fmla="*/ 1868373 w 5260975"/>
                  <a:gd name="connsiteY85" fmla="*/ 4664578 h 4707593"/>
                  <a:gd name="connsiteX86" fmla="*/ 1850707 w 5260975"/>
                  <a:gd name="connsiteY86" fmla="*/ 4664771 h 4707593"/>
                  <a:gd name="connsiteX87" fmla="*/ 1803275 w 5260975"/>
                  <a:gd name="connsiteY87" fmla="*/ 4653441 h 4707593"/>
                  <a:gd name="connsiteX88" fmla="*/ 1730112 w 5260975"/>
                  <a:gd name="connsiteY88" fmla="*/ 4671396 h 4707593"/>
                  <a:gd name="connsiteX89" fmla="*/ 1661652 w 5260975"/>
                  <a:gd name="connsiteY89" fmla="*/ 4693863 h 4707593"/>
                  <a:gd name="connsiteX90" fmla="*/ 1653011 w 5260975"/>
                  <a:gd name="connsiteY90" fmla="*/ 4696744 h 4707593"/>
                  <a:gd name="connsiteX91" fmla="*/ 1628431 w 5260975"/>
                  <a:gd name="connsiteY91" fmla="*/ 4701641 h 4707593"/>
                  <a:gd name="connsiteX92" fmla="*/ 1597995 w 5260975"/>
                  <a:gd name="connsiteY92" fmla="*/ 4703369 h 4707593"/>
                  <a:gd name="connsiteX93" fmla="*/ 1559396 w 5260975"/>
                  <a:gd name="connsiteY93" fmla="*/ 4707593 h 4707593"/>
                  <a:gd name="connsiteX94" fmla="*/ 1528480 w 5260975"/>
                  <a:gd name="connsiteY94" fmla="*/ 4702312 h 4707593"/>
                  <a:gd name="connsiteX95" fmla="*/ 1485272 w 5260975"/>
                  <a:gd name="connsiteY95" fmla="*/ 4694439 h 4707593"/>
                  <a:gd name="connsiteX96" fmla="*/ 1444562 w 5260975"/>
                  <a:gd name="connsiteY96" fmla="*/ 4686950 h 4707593"/>
                  <a:gd name="connsiteX97" fmla="*/ 1431696 w 5260975"/>
                  <a:gd name="connsiteY97" fmla="*/ 4695783 h 4707593"/>
                  <a:gd name="connsiteX98" fmla="*/ 1411821 w 5260975"/>
                  <a:gd name="connsiteY98" fmla="*/ 4703464 h 4707593"/>
                  <a:gd name="connsiteX99" fmla="*/ 1389738 w 5260975"/>
                  <a:gd name="connsiteY99" fmla="*/ 4694247 h 4707593"/>
                  <a:gd name="connsiteX100" fmla="*/ 1338081 w 5260975"/>
                  <a:gd name="connsiteY100" fmla="*/ 4675141 h 4707593"/>
                  <a:gd name="connsiteX101" fmla="*/ 1305436 w 5260975"/>
                  <a:gd name="connsiteY101" fmla="*/ 4674276 h 4707593"/>
                  <a:gd name="connsiteX102" fmla="*/ 1234481 w 5260975"/>
                  <a:gd name="connsiteY102" fmla="*/ 4666115 h 4707593"/>
                  <a:gd name="connsiteX103" fmla="*/ 1188106 w 5260975"/>
                  <a:gd name="connsiteY103" fmla="*/ 4654497 h 4707593"/>
                  <a:gd name="connsiteX104" fmla="*/ 1154790 w 5260975"/>
                  <a:gd name="connsiteY104" fmla="*/ 4641343 h 4707593"/>
                  <a:gd name="connsiteX105" fmla="*/ 1107069 w 5260975"/>
                  <a:gd name="connsiteY105" fmla="*/ 4624156 h 4707593"/>
                  <a:gd name="connsiteX106" fmla="*/ 1059158 w 5260975"/>
                  <a:gd name="connsiteY106" fmla="*/ 4615227 h 4707593"/>
                  <a:gd name="connsiteX107" fmla="*/ 1024496 w 5260975"/>
                  <a:gd name="connsiteY107" fmla="*/ 4603993 h 4707593"/>
                  <a:gd name="connsiteX108" fmla="*/ 982153 w 5260975"/>
                  <a:gd name="connsiteY108" fmla="*/ 4596311 h 4707593"/>
                  <a:gd name="connsiteX109" fmla="*/ 946628 w 5260975"/>
                  <a:gd name="connsiteY109" fmla="*/ 4596024 h 4707593"/>
                  <a:gd name="connsiteX110" fmla="*/ 890939 w 5260975"/>
                  <a:gd name="connsiteY110" fmla="*/ 4597368 h 4707593"/>
                  <a:gd name="connsiteX111" fmla="*/ 822769 w 5260975"/>
                  <a:gd name="connsiteY111" fmla="*/ 4574133 h 4707593"/>
                  <a:gd name="connsiteX112" fmla="*/ 795212 w 5260975"/>
                  <a:gd name="connsiteY112" fmla="*/ 4568947 h 4707593"/>
                  <a:gd name="connsiteX113" fmla="*/ 769288 w 5260975"/>
                  <a:gd name="connsiteY113" fmla="*/ 4566547 h 4707593"/>
                  <a:gd name="connsiteX114" fmla="*/ 714271 w 5260975"/>
                  <a:gd name="connsiteY114" fmla="*/ 4551089 h 4707593"/>
                  <a:gd name="connsiteX115" fmla="*/ 691900 w 5260975"/>
                  <a:gd name="connsiteY115" fmla="*/ 4545999 h 4707593"/>
                  <a:gd name="connsiteX116" fmla="*/ 660598 w 5260975"/>
                  <a:gd name="connsiteY116" fmla="*/ 4546096 h 4707593"/>
                  <a:gd name="connsiteX117" fmla="*/ 603662 w 5260975"/>
                  <a:gd name="connsiteY117" fmla="*/ 4538991 h 4707593"/>
                  <a:gd name="connsiteX118" fmla="*/ 546821 w 5260975"/>
                  <a:gd name="connsiteY118" fmla="*/ 4518251 h 4707593"/>
                  <a:gd name="connsiteX119" fmla="*/ 522721 w 5260975"/>
                  <a:gd name="connsiteY119" fmla="*/ 4520267 h 4707593"/>
                  <a:gd name="connsiteX120" fmla="*/ 514080 w 5260975"/>
                  <a:gd name="connsiteY120" fmla="*/ 4519788 h 4707593"/>
                  <a:gd name="connsiteX121" fmla="*/ 436404 w 5260975"/>
                  <a:gd name="connsiteY121" fmla="*/ 4508361 h 4707593"/>
                  <a:gd name="connsiteX122" fmla="*/ 428626 w 5260975"/>
                  <a:gd name="connsiteY122" fmla="*/ 4507114 h 4707593"/>
                  <a:gd name="connsiteX123" fmla="*/ 392141 w 5260975"/>
                  <a:gd name="connsiteY123" fmla="*/ 4496936 h 4707593"/>
                  <a:gd name="connsiteX124" fmla="*/ 300157 w 5260975"/>
                  <a:gd name="connsiteY124" fmla="*/ 4490599 h 4707593"/>
                  <a:gd name="connsiteX125" fmla="*/ 294493 w 5260975"/>
                  <a:gd name="connsiteY125" fmla="*/ 4489831 h 4707593"/>
                  <a:gd name="connsiteX126" fmla="*/ 263671 w 5260975"/>
                  <a:gd name="connsiteY126" fmla="*/ 4494919 h 4707593"/>
                  <a:gd name="connsiteX127" fmla="*/ 248406 w 5260975"/>
                  <a:gd name="connsiteY127" fmla="*/ 4502121 h 4707593"/>
                  <a:gd name="connsiteX128" fmla="*/ 224594 w 5260975"/>
                  <a:gd name="connsiteY128" fmla="*/ 4509610 h 4707593"/>
                  <a:gd name="connsiteX129" fmla="*/ 200398 w 5260975"/>
                  <a:gd name="connsiteY129" fmla="*/ 4512395 h 4707593"/>
                  <a:gd name="connsiteX130" fmla="*/ 159783 w 5260975"/>
                  <a:gd name="connsiteY130" fmla="*/ 4501064 h 4707593"/>
                  <a:gd name="connsiteX131" fmla="*/ 144997 w 5260975"/>
                  <a:gd name="connsiteY131" fmla="*/ 4499912 h 4707593"/>
                  <a:gd name="connsiteX132" fmla="*/ 112064 w 5260975"/>
                  <a:gd name="connsiteY132" fmla="*/ 4494440 h 4707593"/>
                  <a:gd name="connsiteX133" fmla="*/ 83259 w 5260975"/>
                  <a:gd name="connsiteY133" fmla="*/ 4494824 h 4707593"/>
                  <a:gd name="connsiteX134" fmla="*/ 60120 w 5260975"/>
                  <a:gd name="connsiteY134" fmla="*/ 4503561 h 4707593"/>
                  <a:gd name="connsiteX135" fmla="*/ 26514 w 5260975"/>
                  <a:gd name="connsiteY135" fmla="*/ 4505289 h 4707593"/>
                  <a:gd name="connsiteX136" fmla="*/ 4814 w 5260975"/>
                  <a:gd name="connsiteY136" fmla="*/ 4498952 h 4707593"/>
                  <a:gd name="connsiteX137" fmla="*/ 398 w 5260975"/>
                  <a:gd name="connsiteY137" fmla="*/ 4498089 h 4707593"/>
                  <a:gd name="connsiteX138" fmla="*/ 0 w 5260975"/>
                  <a:gd name="connsiteY138" fmla="*/ 4498087 h 47075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Lst>
                <a:rect l="l" t="t" r="r" b="b"/>
                <a:pathLst>
                  <a:path w="5260975" h="4707593">
                    <a:moveTo>
                      <a:pt x="0" y="0"/>
                    </a:moveTo>
                    <a:lnTo>
                      <a:pt x="5260975" y="0"/>
                    </a:lnTo>
                    <a:lnTo>
                      <a:pt x="5260975" y="3296937"/>
                    </a:lnTo>
                    <a:lnTo>
                      <a:pt x="5260975" y="3518571"/>
                    </a:lnTo>
                    <a:lnTo>
                      <a:pt x="5226503" y="3534000"/>
                    </a:lnTo>
                    <a:cubicBezTo>
                      <a:pt x="5219783" y="3536785"/>
                      <a:pt x="5212389" y="3538321"/>
                      <a:pt x="5206341" y="3542065"/>
                    </a:cubicBezTo>
                    <a:cubicBezTo>
                      <a:pt x="5178495" y="3559156"/>
                      <a:pt x="5151515" y="3577591"/>
                      <a:pt x="5123287" y="3594010"/>
                    </a:cubicBezTo>
                    <a:cubicBezTo>
                      <a:pt x="5094195" y="3611004"/>
                      <a:pt x="5068175" y="3631071"/>
                      <a:pt x="5048107" y="3658244"/>
                    </a:cubicBezTo>
                    <a:cubicBezTo>
                      <a:pt x="5029480" y="3683496"/>
                      <a:pt x="5011429" y="3709131"/>
                      <a:pt x="4992899" y="3734479"/>
                    </a:cubicBezTo>
                    <a:cubicBezTo>
                      <a:pt x="4988194" y="3740912"/>
                      <a:pt x="4983873" y="3748498"/>
                      <a:pt x="4977440" y="3752627"/>
                    </a:cubicBezTo>
                    <a:cubicBezTo>
                      <a:pt x="4964094" y="3761268"/>
                      <a:pt x="4949499" y="3768277"/>
                      <a:pt x="4935193" y="3775382"/>
                    </a:cubicBezTo>
                    <a:cubicBezTo>
                      <a:pt x="4922903" y="3781431"/>
                      <a:pt x="4909845" y="3785943"/>
                      <a:pt x="4897844" y="3792472"/>
                    </a:cubicBezTo>
                    <a:cubicBezTo>
                      <a:pt x="4888243" y="3797658"/>
                      <a:pt x="4879697" y="3804859"/>
                      <a:pt x="4870767" y="3811388"/>
                    </a:cubicBezTo>
                    <a:cubicBezTo>
                      <a:pt x="4862990" y="3817052"/>
                      <a:pt x="4854445" y="3821949"/>
                      <a:pt x="4847916" y="3828767"/>
                    </a:cubicBezTo>
                    <a:cubicBezTo>
                      <a:pt x="4831977" y="3845281"/>
                      <a:pt x="4815942" y="3861508"/>
                      <a:pt x="4796163" y="3873702"/>
                    </a:cubicBezTo>
                    <a:cubicBezTo>
                      <a:pt x="4776672" y="3885799"/>
                      <a:pt x="4758237" y="3899338"/>
                      <a:pt x="4738843" y="3911628"/>
                    </a:cubicBezTo>
                    <a:cubicBezTo>
                      <a:pt x="4719831" y="3923630"/>
                      <a:pt x="4702645" y="3936783"/>
                      <a:pt x="4692755" y="3958099"/>
                    </a:cubicBezTo>
                    <a:cubicBezTo>
                      <a:pt x="4688339" y="3967508"/>
                      <a:pt x="4682097" y="3977782"/>
                      <a:pt x="4673744" y="3983255"/>
                    </a:cubicBezTo>
                    <a:cubicBezTo>
                      <a:pt x="4661838" y="3991032"/>
                      <a:pt x="4646764" y="3993817"/>
                      <a:pt x="4633801" y="4000442"/>
                    </a:cubicBezTo>
                    <a:cubicBezTo>
                      <a:pt x="4618535" y="4008219"/>
                      <a:pt x="4600869" y="4014940"/>
                      <a:pt x="4590499" y="4027326"/>
                    </a:cubicBezTo>
                    <a:cubicBezTo>
                      <a:pt x="4581281" y="4038368"/>
                      <a:pt x="4571968" y="4047009"/>
                      <a:pt x="4559773" y="4054018"/>
                    </a:cubicBezTo>
                    <a:cubicBezTo>
                      <a:pt x="4551229" y="4058915"/>
                      <a:pt x="4544892" y="4067844"/>
                      <a:pt x="4536059" y="4071877"/>
                    </a:cubicBezTo>
                    <a:cubicBezTo>
                      <a:pt x="4524441" y="4077254"/>
                      <a:pt x="4512727" y="4081479"/>
                      <a:pt x="4502549" y="4089832"/>
                    </a:cubicBezTo>
                    <a:cubicBezTo>
                      <a:pt x="4491987" y="4098473"/>
                      <a:pt x="4479986" y="4105290"/>
                      <a:pt x="4468944" y="4113356"/>
                    </a:cubicBezTo>
                    <a:cubicBezTo>
                      <a:pt x="4463087" y="4117676"/>
                      <a:pt x="4458286" y="4123341"/>
                      <a:pt x="4452622" y="4127854"/>
                    </a:cubicBezTo>
                    <a:cubicBezTo>
                      <a:pt x="4442252" y="4136111"/>
                      <a:pt x="4431690" y="4144176"/>
                      <a:pt x="4421032" y="4151953"/>
                    </a:cubicBezTo>
                    <a:cubicBezTo>
                      <a:pt x="4410375" y="4159731"/>
                      <a:pt x="4400197" y="4168756"/>
                      <a:pt x="4388483" y="4174421"/>
                    </a:cubicBezTo>
                    <a:cubicBezTo>
                      <a:pt x="4368513" y="4184023"/>
                      <a:pt x="4346717" y="4189784"/>
                      <a:pt x="4327321" y="4200153"/>
                    </a:cubicBezTo>
                    <a:cubicBezTo>
                      <a:pt x="4307639" y="4210714"/>
                      <a:pt x="4289107" y="4223965"/>
                      <a:pt x="4271633" y="4237983"/>
                    </a:cubicBezTo>
                    <a:cubicBezTo>
                      <a:pt x="4257807" y="4249025"/>
                      <a:pt x="4244845" y="4259971"/>
                      <a:pt x="4227465" y="4265635"/>
                    </a:cubicBezTo>
                    <a:cubicBezTo>
                      <a:pt x="4217768" y="4268804"/>
                      <a:pt x="4207591" y="4275717"/>
                      <a:pt x="4201733" y="4283783"/>
                    </a:cubicBezTo>
                    <a:cubicBezTo>
                      <a:pt x="4189059" y="4301353"/>
                      <a:pt x="4172833" y="4313739"/>
                      <a:pt x="4154494" y="4324301"/>
                    </a:cubicBezTo>
                    <a:cubicBezTo>
                      <a:pt x="4130010" y="4338511"/>
                      <a:pt x="4105814" y="4353009"/>
                      <a:pt x="4081234" y="4366931"/>
                    </a:cubicBezTo>
                    <a:cubicBezTo>
                      <a:pt x="4066737" y="4375189"/>
                      <a:pt x="4052335" y="4383926"/>
                      <a:pt x="4036971" y="4389975"/>
                    </a:cubicBezTo>
                    <a:cubicBezTo>
                      <a:pt x="4005575" y="4402457"/>
                      <a:pt x="3973410" y="4413114"/>
                      <a:pt x="3941725" y="4424733"/>
                    </a:cubicBezTo>
                    <a:cubicBezTo>
                      <a:pt x="3931355" y="4428477"/>
                      <a:pt x="3921561" y="4433854"/>
                      <a:pt x="3910999" y="4437119"/>
                    </a:cubicBezTo>
                    <a:cubicBezTo>
                      <a:pt x="3899573" y="4440671"/>
                      <a:pt x="3887285" y="4441727"/>
                      <a:pt x="3875859" y="4445280"/>
                    </a:cubicBezTo>
                    <a:cubicBezTo>
                      <a:pt x="3856847" y="4451136"/>
                      <a:pt x="3838412" y="4458626"/>
                      <a:pt x="3819401" y="4464579"/>
                    </a:cubicBezTo>
                    <a:cubicBezTo>
                      <a:pt x="3782723" y="4476005"/>
                      <a:pt x="3745949" y="4486951"/>
                      <a:pt x="3709176" y="4497800"/>
                    </a:cubicBezTo>
                    <a:cubicBezTo>
                      <a:pt x="3701303" y="4500105"/>
                      <a:pt x="3692757" y="4500393"/>
                      <a:pt x="3684981" y="4502889"/>
                    </a:cubicBezTo>
                    <a:cubicBezTo>
                      <a:pt x="3664337" y="4509610"/>
                      <a:pt x="3643789" y="4516907"/>
                      <a:pt x="3623338" y="4524300"/>
                    </a:cubicBezTo>
                    <a:cubicBezTo>
                      <a:pt x="3610953" y="4528813"/>
                      <a:pt x="3598854" y="4534382"/>
                      <a:pt x="3586373" y="4538702"/>
                    </a:cubicBezTo>
                    <a:cubicBezTo>
                      <a:pt x="3576387" y="4542159"/>
                      <a:pt x="3566113" y="4544847"/>
                      <a:pt x="3555743" y="4546960"/>
                    </a:cubicBezTo>
                    <a:cubicBezTo>
                      <a:pt x="3546814" y="4548785"/>
                      <a:pt x="3537501" y="4548592"/>
                      <a:pt x="3528667" y="4550801"/>
                    </a:cubicBezTo>
                    <a:cubicBezTo>
                      <a:pt x="3504759" y="4556753"/>
                      <a:pt x="3481140" y="4563475"/>
                      <a:pt x="3457424" y="4569811"/>
                    </a:cubicBezTo>
                    <a:cubicBezTo>
                      <a:pt x="3447919" y="4572308"/>
                      <a:pt x="3438221" y="4574133"/>
                      <a:pt x="3429003" y="4577301"/>
                    </a:cubicBezTo>
                    <a:cubicBezTo>
                      <a:pt x="3404327" y="4585654"/>
                      <a:pt x="3380036" y="4595159"/>
                      <a:pt x="3355264" y="4603033"/>
                    </a:cubicBezTo>
                    <a:cubicBezTo>
                      <a:pt x="3334717" y="4609562"/>
                      <a:pt x="3313593" y="4614266"/>
                      <a:pt x="3292757" y="4620027"/>
                    </a:cubicBezTo>
                    <a:cubicBezTo>
                      <a:pt x="3283924" y="4622524"/>
                      <a:pt x="3275475" y="4626077"/>
                      <a:pt x="3266643" y="4628188"/>
                    </a:cubicBezTo>
                    <a:cubicBezTo>
                      <a:pt x="3246863" y="4632990"/>
                      <a:pt x="3226796" y="4637022"/>
                      <a:pt x="3206921" y="4641823"/>
                    </a:cubicBezTo>
                    <a:cubicBezTo>
                      <a:pt x="3195590" y="4644607"/>
                      <a:pt x="3184645" y="4649600"/>
                      <a:pt x="3173123" y="4651425"/>
                    </a:cubicBezTo>
                    <a:cubicBezTo>
                      <a:pt x="3145759" y="4655745"/>
                      <a:pt x="3118203" y="4658817"/>
                      <a:pt x="3090646" y="4662274"/>
                    </a:cubicBezTo>
                    <a:cubicBezTo>
                      <a:pt x="3062227" y="4665826"/>
                      <a:pt x="3033902" y="4669571"/>
                      <a:pt x="3005480" y="4672739"/>
                    </a:cubicBezTo>
                    <a:cubicBezTo>
                      <a:pt x="2989926" y="4674372"/>
                      <a:pt x="2974275" y="4674660"/>
                      <a:pt x="2958721" y="4676196"/>
                    </a:cubicBezTo>
                    <a:cubicBezTo>
                      <a:pt x="2945087" y="4677541"/>
                      <a:pt x="2931549" y="4680037"/>
                      <a:pt x="2917915" y="4681670"/>
                    </a:cubicBezTo>
                    <a:cubicBezTo>
                      <a:pt x="2906105" y="4683013"/>
                      <a:pt x="2894199" y="4683781"/>
                      <a:pt x="2882389" y="4685126"/>
                    </a:cubicBezTo>
                    <a:cubicBezTo>
                      <a:pt x="2863475" y="4687334"/>
                      <a:pt x="2844655" y="4689831"/>
                      <a:pt x="2825837" y="4692135"/>
                    </a:cubicBezTo>
                    <a:cubicBezTo>
                      <a:pt x="2817964" y="4692999"/>
                      <a:pt x="2809706" y="4695399"/>
                      <a:pt x="2802313" y="4693960"/>
                    </a:cubicBezTo>
                    <a:cubicBezTo>
                      <a:pt x="2783686" y="4690310"/>
                      <a:pt x="2765347" y="4691367"/>
                      <a:pt x="2746816" y="4693863"/>
                    </a:cubicBezTo>
                    <a:cubicBezTo>
                      <a:pt x="2740479" y="4694728"/>
                      <a:pt x="2733662" y="4694535"/>
                      <a:pt x="2727517" y="4692903"/>
                    </a:cubicBezTo>
                    <a:cubicBezTo>
                      <a:pt x="2714939" y="4689638"/>
                      <a:pt x="2702745" y="4685029"/>
                      <a:pt x="2690359" y="4680997"/>
                    </a:cubicBezTo>
                    <a:cubicBezTo>
                      <a:pt x="2689014" y="4680517"/>
                      <a:pt x="2687382" y="4680421"/>
                      <a:pt x="2685943" y="4680133"/>
                    </a:cubicBezTo>
                    <a:cubicBezTo>
                      <a:pt x="2677781" y="4678500"/>
                      <a:pt x="2669717" y="4676868"/>
                      <a:pt x="2661554" y="4675428"/>
                    </a:cubicBezTo>
                    <a:cubicBezTo>
                      <a:pt x="2657138" y="4674660"/>
                      <a:pt x="2652625" y="4674564"/>
                      <a:pt x="2648208" y="4673892"/>
                    </a:cubicBezTo>
                    <a:cubicBezTo>
                      <a:pt x="2631118" y="4671203"/>
                      <a:pt x="2612299" y="4675716"/>
                      <a:pt x="2597512" y="4664099"/>
                    </a:cubicBezTo>
                    <a:cubicBezTo>
                      <a:pt x="2587911" y="4656609"/>
                      <a:pt x="2578597" y="4658338"/>
                      <a:pt x="2568324" y="4659490"/>
                    </a:cubicBezTo>
                    <a:cubicBezTo>
                      <a:pt x="2560547" y="4660354"/>
                      <a:pt x="2552577" y="4660065"/>
                      <a:pt x="2544704" y="4660162"/>
                    </a:cubicBezTo>
                    <a:cubicBezTo>
                      <a:pt x="2530878" y="4660449"/>
                      <a:pt x="2517052" y="4660546"/>
                      <a:pt x="2503225" y="4661026"/>
                    </a:cubicBezTo>
                    <a:cubicBezTo>
                      <a:pt x="2498808" y="4661218"/>
                      <a:pt x="2494297" y="4663619"/>
                      <a:pt x="2489975" y="4663235"/>
                    </a:cubicBezTo>
                    <a:cubicBezTo>
                      <a:pt x="2470004" y="4661410"/>
                      <a:pt x="2450033" y="4658529"/>
                      <a:pt x="2430061" y="4656897"/>
                    </a:cubicBezTo>
                    <a:cubicBezTo>
                      <a:pt x="2418732" y="4655938"/>
                      <a:pt x="2407114" y="4657761"/>
                      <a:pt x="2395880" y="4656417"/>
                    </a:cubicBezTo>
                    <a:cubicBezTo>
                      <a:pt x="2382919" y="4654881"/>
                      <a:pt x="2370245" y="4650945"/>
                      <a:pt x="2357378" y="4648544"/>
                    </a:cubicBezTo>
                    <a:cubicBezTo>
                      <a:pt x="2353826" y="4647872"/>
                      <a:pt x="2349889" y="4648736"/>
                      <a:pt x="2346145" y="4648928"/>
                    </a:cubicBezTo>
                    <a:cubicBezTo>
                      <a:pt x="2341920" y="4649120"/>
                      <a:pt x="2337791" y="4649504"/>
                      <a:pt x="2333567" y="4649600"/>
                    </a:cubicBezTo>
                    <a:cubicBezTo>
                      <a:pt x="2320700" y="4649793"/>
                      <a:pt x="2307835" y="4649504"/>
                      <a:pt x="2294968" y="4650177"/>
                    </a:cubicBezTo>
                    <a:cubicBezTo>
                      <a:pt x="2287095" y="4650561"/>
                      <a:pt x="2278839" y="4654497"/>
                      <a:pt x="2271540" y="4653057"/>
                    </a:cubicBezTo>
                    <a:cubicBezTo>
                      <a:pt x="2256659" y="4650272"/>
                      <a:pt x="2241776" y="4656513"/>
                      <a:pt x="2226895" y="4651329"/>
                    </a:cubicBezTo>
                    <a:cubicBezTo>
                      <a:pt x="2222285" y="4649793"/>
                      <a:pt x="2215948" y="4653633"/>
                      <a:pt x="2210379" y="4653825"/>
                    </a:cubicBezTo>
                    <a:cubicBezTo>
                      <a:pt x="2196457" y="4654305"/>
                      <a:pt x="2182535" y="4654209"/>
                      <a:pt x="2168613" y="4654113"/>
                    </a:cubicBezTo>
                    <a:cubicBezTo>
                      <a:pt x="2156131" y="4654017"/>
                      <a:pt x="2143168" y="4655361"/>
                      <a:pt x="2131167" y="4652673"/>
                    </a:cubicBezTo>
                    <a:cubicBezTo>
                      <a:pt x="2118588" y="4649793"/>
                      <a:pt x="2107259" y="4650177"/>
                      <a:pt x="2095065" y="4653441"/>
                    </a:cubicBezTo>
                    <a:cubicBezTo>
                      <a:pt x="2086711" y="4655649"/>
                      <a:pt x="2077878" y="4655938"/>
                      <a:pt x="2069237" y="4656609"/>
                    </a:cubicBezTo>
                    <a:cubicBezTo>
                      <a:pt x="2059924" y="4657377"/>
                      <a:pt x="2049650" y="4655361"/>
                      <a:pt x="2041201" y="4658529"/>
                    </a:cubicBezTo>
                    <a:cubicBezTo>
                      <a:pt x="2016044" y="4667939"/>
                      <a:pt x="1990216" y="4669955"/>
                      <a:pt x="1963909" y="4669955"/>
                    </a:cubicBezTo>
                    <a:cubicBezTo>
                      <a:pt x="1959107" y="4669955"/>
                      <a:pt x="1954210" y="4668612"/>
                      <a:pt x="1949603" y="4667171"/>
                    </a:cubicBezTo>
                    <a:cubicBezTo>
                      <a:pt x="1922717" y="4658529"/>
                      <a:pt x="1895737" y="4659297"/>
                      <a:pt x="1868373" y="4664578"/>
                    </a:cubicBezTo>
                    <a:cubicBezTo>
                      <a:pt x="1862708" y="4665731"/>
                      <a:pt x="1856372" y="4665923"/>
                      <a:pt x="1850707" y="4664771"/>
                    </a:cubicBezTo>
                    <a:cubicBezTo>
                      <a:pt x="1834768" y="4661410"/>
                      <a:pt x="1819309" y="4655841"/>
                      <a:pt x="1803275" y="4653441"/>
                    </a:cubicBezTo>
                    <a:cubicBezTo>
                      <a:pt x="1776775" y="4649504"/>
                      <a:pt x="1753828" y="4662754"/>
                      <a:pt x="1730112" y="4671396"/>
                    </a:cubicBezTo>
                    <a:cubicBezTo>
                      <a:pt x="1707548" y="4679557"/>
                      <a:pt x="1688345" y="4697992"/>
                      <a:pt x="1661652" y="4693863"/>
                    </a:cubicBezTo>
                    <a:cubicBezTo>
                      <a:pt x="1658965" y="4693479"/>
                      <a:pt x="1655988" y="4696071"/>
                      <a:pt x="1653011" y="4696744"/>
                    </a:cubicBezTo>
                    <a:cubicBezTo>
                      <a:pt x="1644850" y="4698568"/>
                      <a:pt x="1636689" y="4700776"/>
                      <a:pt x="1628431" y="4701641"/>
                    </a:cubicBezTo>
                    <a:cubicBezTo>
                      <a:pt x="1618350" y="4702793"/>
                      <a:pt x="1608076" y="4702409"/>
                      <a:pt x="1597995" y="4703369"/>
                    </a:cubicBezTo>
                    <a:cubicBezTo>
                      <a:pt x="1585032" y="4704521"/>
                      <a:pt x="1572263" y="4707593"/>
                      <a:pt x="1559396" y="4707593"/>
                    </a:cubicBezTo>
                    <a:cubicBezTo>
                      <a:pt x="1549026" y="4707593"/>
                      <a:pt x="1538753" y="4704041"/>
                      <a:pt x="1528480" y="4702312"/>
                    </a:cubicBezTo>
                    <a:cubicBezTo>
                      <a:pt x="1513981" y="4699912"/>
                      <a:pt x="1498042" y="4700584"/>
                      <a:pt x="1485272" y="4694439"/>
                    </a:cubicBezTo>
                    <a:cubicBezTo>
                      <a:pt x="1471639" y="4687910"/>
                      <a:pt x="1458676" y="4684934"/>
                      <a:pt x="1444562" y="4686950"/>
                    </a:cubicBezTo>
                    <a:cubicBezTo>
                      <a:pt x="1439857" y="4687622"/>
                      <a:pt x="1433808" y="4691655"/>
                      <a:pt x="1431696" y="4695783"/>
                    </a:cubicBezTo>
                    <a:cubicBezTo>
                      <a:pt x="1426991" y="4705001"/>
                      <a:pt x="1420559" y="4706634"/>
                      <a:pt x="1411821" y="4703464"/>
                    </a:cubicBezTo>
                    <a:cubicBezTo>
                      <a:pt x="1404236" y="4700776"/>
                      <a:pt x="1394922" y="4699432"/>
                      <a:pt x="1389738" y="4694247"/>
                    </a:cubicBezTo>
                    <a:cubicBezTo>
                      <a:pt x="1375047" y="4679557"/>
                      <a:pt x="1356324" y="4679077"/>
                      <a:pt x="1338081" y="4675141"/>
                    </a:cubicBezTo>
                    <a:cubicBezTo>
                      <a:pt x="1326945" y="4672739"/>
                      <a:pt x="1316574" y="4672644"/>
                      <a:pt x="1305436" y="4674276"/>
                    </a:cubicBezTo>
                    <a:cubicBezTo>
                      <a:pt x="1281241" y="4677925"/>
                      <a:pt x="1257717" y="4672739"/>
                      <a:pt x="1234481" y="4666115"/>
                    </a:cubicBezTo>
                    <a:cubicBezTo>
                      <a:pt x="1219118" y="4661698"/>
                      <a:pt x="1203372" y="4659010"/>
                      <a:pt x="1188106" y="4654497"/>
                    </a:cubicBezTo>
                    <a:cubicBezTo>
                      <a:pt x="1176680" y="4651041"/>
                      <a:pt x="1165255" y="4646912"/>
                      <a:pt x="1154790" y="4641343"/>
                    </a:cubicBezTo>
                    <a:cubicBezTo>
                      <a:pt x="1139618" y="4633181"/>
                      <a:pt x="1126369" y="4620891"/>
                      <a:pt x="1107069" y="4624156"/>
                    </a:cubicBezTo>
                    <a:cubicBezTo>
                      <a:pt x="1090074" y="4627036"/>
                      <a:pt x="1074713" y="4620988"/>
                      <a:pt x="1059158" y="4615227"/>
                    </a:cubicBezTo>
                    <a:cubicBezTo>
                      <a:pt x="1047732" y="4611002"/>
                      <a:pt x="1036308" y="4606681"/>
                      <a:pt x="1024496" y="4603993"/>
                    </a:cubicBezTo>
                    <a:cubicBezTo>
                      <a:pt x="1010478" y="4600824"/>
                      <a:pt x="994635" y="4602169"/>
                      <a:pt x="982153" y="4596311"/>
                    </a:cubicBezTo>
                    <a:cubicBezTo>
                      <a:pt x="969095" y="4590166"/>
                      <a:pt x="958246" y="4594295"/>
                      <a:pt x="946628" y="4596024"/>
                    </a:cubicBezTo>
                    <a:cubicBezTo>
                      <a:pt x="928097" y="4598712"/>
                      <a:pt x="909661" y="4603705"/>
                      <a:pt x="890939" y="4597368"/>
                    </a:cubicBezTo>
                    <a:cubicBezTo>
                      <a:pt x="868184" y="4589687"/>
                      <a:pt x="845620" y="4581430"/>
                      <a:pt x="822769" y="4574133"/>
                    </a:cubicBezTo>
                    <a:cubicBezTo>
                      <a:pt x="813934" y="4571347"/>
                      <a:pt x="804431" y="4570195"/>
                      <a:pt x="795212" y="4568947"/>
                    </a:cubicBezTo>
                    <a:cubicBezTo>
                      <a:pt x="786476" y="4567891"/>
                      <a:pt x="776010" y="4570579"/>
                      <a:pt x="769288" y="4566547"/>
                    </a:cubicBezTo>
                    <a:cubicBezTo>
                      <a:pt x="752005" y="4556178"/>
                      <a:pt x="734243" y="4551089"/>
                      <a:pt x="714271" y="4551089"/>
                    </a:cubicBezTo>
                    <a:cubicBezTo>
                      <a:pt x="706781" y="4551089"/>
                      <a:pt x="699484" y="4546768"/>
                      <a:pt x="691900" y="4545999"/>
                    </a:cubicBezTo>
                    <a:cubicBezTo>
                      <a:pt x="681529" y="4545040"/>
                      <a:pt x="669623" y="4542447"/>
                      <a:pt x="660598" y="4546096"/>
                    </a:cubicBezTo>
                    <a:cubicBezTo>
                      <a:pt x="639379" y="4554737"/>
                      <a:pt x="622193" y="4547536"/>
                      <a:pt x="603662" y="4538991"/>
                    </a:cubicBezTo>
                    <a:cubicBezTo>
                      <a:pt x="585418" y="4530541"/>
                      <a:pt x="566215" y="4523821"/>
                      <a:pt x="546821" y="4518251"/>
                    </a:cubicBezTo>
                    <a:cubicBezTo>
                      <a:pt x="539524" y="4516235"/>
                      <a:pt x="530787" y="4519596"/>
                      <a:pt x="522721" y="4520267"/>
                    </a:cubicBezTo>
                    <a:cubicBezTo>
                      <a:pt x="519840" y="4520460"/>
                      <a:pt x="516671" y="4520748"/>
                      <a:pt x="514080" y="4519788"/>
                    </a:cubicBezTo>
                    <a:cubicBezTo>
                      <a:pt x="489020" y="4510570"/>
                      <a:pt x="463575" y="4503561"/>
                      <a:pt x="436404" y="4508361"/>
                    </a:cubicBezTo>
                    <a:cubicBezTo>
                      <a:pt x="433908" y="4508842"/>
                      <a:pt x="431123" y="4507786"/>
                      <a:pt x="428626" y="4507114"/>
                    </a:cubicBezTo>
                    <a:cubicBezTo>
                      <a:pt x="416432" y="4503657"/>
                      <a:pt x="404526" y="4498184"/>
                      <a:pt x="392141" y="4496936"/>
                    </a:cubicBezTo>
                    <a:cubicBezTo>
                      <a:pt x="361608" y="4493864"/>
                      <a:pt x="330884" y="4492615"/>
                      <a:pt x="300157" y="4490599"/>
                    </a:cubicBezTo>
                    <a:cubicBezTo>
                      <a:pt x="298237" y="4490503"/>
                      <a:pt x="296221" y="4490503"/>
                      <a:pt x="294493" y="4489831"/>
                    </a:cubicBezTo>
                    <a:cubicBezTo>
                      <a:pt x="283163" y="4485702"/>
                      <a:pt x="273274" y="4487047"/>
                      <a:pt x="263671" y="4494919"/>
                    </a:cubicBezTo>
                    <a:cubicBezTo>
                      <a:pt x="259447" y="4498376"/>
                      <a:pt x="253686" y="4500200"/>
                      <a:pt x="248406" y="4502121"/>
                    </a:cubicBezTo>
                    <a:cubicBezTo>
                      <a:pt x="240628" y="4505002"/>
                      <a:pt x="232659" y="4507786"/>
                      <a:pt x="224594" y="4509610"/>
                    </a:cubicBezTo>
                    <a:cubicBezTo>
                      <a:pt x="216624" y="4511338"/>
                      <a:pt x="208079" y="4513738"/>
                      <a:pt x="200398" y="4512395"/>
                    </a:cubicBezTo>
                    <a:cubicBezTo>
                      <a:pt x="186572" y="4509994"/>
                      <a:pt x="173417" y="4504618"/>
                      <a:pt x="159783" y="4501064"/>
                    </a:cubicBezTo>
                    <a:cubicBezTo>
                      <a:pt x="155079" y="4499816"/>
                      <a:pt x="149893" y="4500009"/>
                      <a:pt x="144997" y="4499912"/>
                    </a:cubicBezTo>
                    <a:cubicBezTo>
                      <a:pt x="133763" y="4499625"/>
                      <a:pt x="122241" y="4502409"/>
                      <a:pt x="112064" y="4494440"/>
                    </a:cubicBezTo>
                    <a:cubicBezTo>
                      <a:pt x="102655" y="4486951"/>
                      <a:pt x="93148" y="4489158"/>
                      <a:pt x="83259" y="4494824"/>
                    </a:cubicBezTo>
                    <a:cubicBezTo>
                      <a:pt x="76154" y="4498857"/>
                      <a:pt x="68090" y="4502025"/>
                      <a:pt x="60120" y="4503561"/>
                    </a:cubicBezTo>
                    <a:cubicBezTo>
                      <a:pt x="49174" y="4505673"/>
                      <a:pt x="38324" y="4506538"/>
                      <a:pt x="26514" y="4505289"/>
                    </a:cubicBezTo>
                    <a:cubicBezTo>
                      <a:pt x="18161" y="4504425"/>
                      <a:pt x="11343" y="4504041"/>
                      <a:pt x="4814" y="4498952"/>
                    </a:cubicBezTo>
                    <a:cubicBezTo>
                      <a:pt x="3759" y="4498184"/>
                      <a:pt x="1839" y="4497992"/>
                      <a:pt x="398" y="4498089"/>
                    </a:cubicBezTo>
                    <a:lnTo>
                      <a:pt x="0" y="4498087"/>
                    </a:lnTo>
                    <a:close/>
                  </a:path>
                </a:pathLst>
              </a:custGeom>
              <a:solidFill>
                <a:schemeClr val="bg1">
                  <a:alpha val="14000"/>
                </a:scheme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grpSp>
        <p:grpSp>
          <p:nvGrpSpPr>
            <p:cNvPr id="27" name="Group 26">
              <a:extLst>
                <a:ext uri="{FF2B5EF4-FFF2-40B4-BE49-F238E27FC236}">
                  <a16:creationId xmlns:a16="http://schemas.microsoft.com/office/drawing/2014/main" id="{5BD695E1-00AC-49AE-93BF-22000734A8FE}"/>
                </a:ext>
                <a:ext uri="{C183D7F6-B498-43B3-948B-1728B52AA6E4}">
                  <adec:decorative xmlns:adec="http://schemas.microsoft.com/office/drawing/2017/decorative" val="1"/>
                </a:ext>
              </a:extLst>
            </p:cNvPr>
            <p:cNvGrpSpPr/>
            <p:nvPr>
              <p:extLst>
                <p:ext uri="{386F3935-93C4-4BCD-93E2-E3B085C9AB24}">
                  <p16:designElem xmlns:p16="http://schemas.microsoft.com/office/powerpoint/2015/main" val="1"/>
                </p:ext>
              </p:extLst>
            </p:nvPr>
          </p:nvGrpSpPr>
          <p:grpSpPr>
            <a:xfrm>
              <a:off x="6096000" y="4138312"/>
              <a:ext cx="5260975" cy="1410656"/>
              <a:chOff x="6096000" y="4138312"/>
              <a:chExt cx="5260975" cy="1410656"/>
            </a:xfrm>
          </p:grpSpPr>
          <p:sp>
            <p:nvSpPr>
              <p:cNvPr id="28" name="Freeform: Shape 27">
                <a:extLst>
                  <a:ext uri="{FF2B5EF4-FFF2-40B4-BE49-F238E27FC236}">
                    <a16:creationId xmlns:a16="http://schemas.microsoft.com/office/drawing/2014/main" id="{F721D808-B8BC-4568-A927-12BC276FBF0C}"/>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6096000" y="4138312"/>
                <a:ext cx="5260975" cy="1410656"/>
              </a:xfrm>
              <a:custGeom>
                <a:avLst/>
                <a:gdLst>
                  <a:gd name="connsiteX0" fmla="*/ 5260975 w 5260975"/>
                  <a:gd name="connsiteY0" fmla="*/ 0 h 1410656"/>
                  <a:gd name="connsiteX1" fmla="*/ 5260975 w 5260975"/>
                  <a:gd name="connsiteY1" fmla="*/ 221634 h 1410656"/>
                  <a:gd name="connsiteX2" fmla="*/ 5226503 w 5260975"/>
                  <a:gd name="connsiteY2" fmla="*/ 237063 h 1410656"/>
                  <a:gd name="connsiteX3" fmla="*/ 5206341 w 5260975"/>
                  <a:gd name="connsiteY3" fmla="*/ 245128 h 1410656"/>
                  <a:gd name="connsiteX4" fmla="*/ 5123287 w 5260975"/>
                  <a:gd name="connsiteY4" fmla="*/ 297073 h 1410656"/>
                  <a:gd name="connsiteX5" fmla="*/ 5048107 w 5260975"/>
                  <a:gd name="connsiteY5" fmla="*/ 361307 h 1410656"/>
                  <a:gd name="connsiteX6" fmla="*/ 4992899 w 5260975"/>
                  <a:gd name="connsiteY6" fmla="*/ 437542 h 1410656"/>
                  <a:gd name="connsiteX7" fmla="*/ 4977440 w 5260975"/>
                  <a:gd name="connsiteY7" fmla="*/ 455690 h 1410656"/>
                  <a:gd name="connsiteX8" fmla="*/ 4935193 w 5260975"/>
                  <a:gd name="connsiteY8" fmla="*/ 478445 h 1410656"/>
                  <a:gd name="connsiteX9" fmla="*/ 4897844 w 5260975"/>
                  <a:gd name="connsiteY9" fmla="*/ 495535 h 1410656"/>
                  <a:gd name="connsiteX10" fmla="*/ 4870767 w 5260975"/>
                  <a:gd name="connsiteY10" fmla="*/ 514451 h 1410656"/>
                  <a:gd name="connsiteX11" fmla="*/ 4847916 w 5260975"/>
                  <a:gd name="connsiteY11" fmla="*/ 531830 h 1410656"/>
                  <a:gd name="connsiteX12" fmla="*/ 4796163 w 5260975"/>
                  <a:gd name="connsiteY12" fmla="*/ 576765 h 1410656"/>
                  <a:gd name="connsiteX13" fmla="*/ 4738843 w 5260975"/>
                  <a:gd name="connsiteY13" fmla="*/ 614691 h 1410656"/>
                  <a:gd name="connsiteX14" fmla="*/ 4692755 w 5260975"/>
                  <a:gd name="connsiteY14" fmla="*/ 661162 h 1410656"/>
                  <a:gd name="connsiteX15" fmla="*/ 4673744 w 5260975"/>
                  <a:gd name="connsiteY15" fmla="*/ 686318 h 1410656"/>
                  <a:gd name="connsiteX16" fmla="*/ 4633801 w 5260975"/>
                  <a:gd name="connsiteY16" fmla="*/ 703505 h 1410656"/>
                  <a:gd name="connsiteX17" fmla="*/ 4590499 w 5260975"/>
                  <a:gd name="connsiteY17" fmla="*/ 730389 h 1410656"/>
                  <a:gd name="connsiteX18" fmla="*/ 4559773 w 5260975"/>
                  <a:gd name="connsiteY18" fmla="*/ 757081 h 1410656"/>
                  <a:gd name="connsiteX19" fmla="*/ 4536059 w 5260975"/>
                  <a:gd name="connsiteY19" fmla="*/ 774940 h 1410656"/>
                  <a:gd name="connsiteX20" fmla="*/ 4502549 w 5260975"/>
                  <a:gd name="connsiteY20" fmla="*/ 792895 h 1410656"/>
                  <a:gd name="connsiteX21" fmla="*/ 4468944 w 5260975"/>
                  <a:gd name="connsiteY21" fmla="*/ 816419 h 1410656"/>
                  <a:gd name="connsiteX22" fmla="*/ 4452622 w 5260975"/>
                  <a:gd name="connsiteY22" fmla="*/ 830917 h 1410656"/>
                  <a:gd name="connsiteX23" fmla="*/ 4421032 w 5260975"/>
                  <a:gd name="connsiteY23" fmla="*/ 855016 h 1410656"/>
                  <a:gd name="connsiteX24" fmla="*/ 4388483 w 5260975"/>
                  <a:gd name="connsiteY24" fmla="*/ 877484 h 1410656"/>
                  <a:gd name="connsiteX25" fmla="*/ 4327321 w 5260975"/>
                  <a:gd name="connsiteY25" fmla="*/ 903216 h 1410656"/>
                  <a:gd name="connsiteX26" fmla="*/ 4271633 w 5260975"/>
                  <a:gd name="connsiteY26" fmla="*/ 941046 h 1410656"/>
                  <a:gd name="connsiteX27" fmla="*/ 4227465 w 5260975"/>
                  <a:gd name="connsiteY27" fmla="*/ 968698 h 1410656"/>
                  <a:gd name="connsiteX28" fmla="*/ 4201733 w 5260975"/>
                  <a:gd name="connsiteY28" fmla="*/ 986846 h 1410656"/>
                  <a:gd name="connsiteX29" fmla="*/ 4154494 w 5260975"/>
                  <a:gd name="connsiteY29" fmla="*/ 1027364 h 1410656"/>
                  <a:gd name="connsiteX30" fmla="*/ 4081234 w 5260975"/>
                  <a:gd name="connsiteY30" fmla="*/ 1069994 h 1410656"/>
                  <a:gd name="connsiteX31" fmla="*/ 4036971 w 5260975"/>
                  <a:gd name="connsiteY31" fmla="*/ 1093038 h 1410656"/>
                  <a:gd name="connsiteX32" fmla="*/ 3941725 w 5260975"/>
                  <a:gd name="connsiteY32" fmla="*/ 1127796 h 1410656"/>
                  <a:gd name="connsiteX33" fmla="*/ 3910999 w 5260975"/>
                  <a:gd name="connsiteY33" fmla="*/ 1140182 h 1410656"/>
                  <a:gd name="connsiteX34" fmla="*/ 3875859 w 5260975"/>
                  <a:gd name="connsiteY34" fmla="*/ 1148343 h 1410656"/>
                  <a:gd name="connsiteX35" fmla="*/ 3819401 w 5260975"/>
                  <a:gd name="connsiteY35" fmla="*/ 1167642 h 1410656"/>
                  <a:gd name="connsiteX36" fmla="*/ 3709176 w 5260975"/>
                  <a:gd name="connsiteY36" fmla="*/ 1200863 h 1410656"/>
                  <a:gd name="connsiteX37" fmla="*/ 3684981 w 5260975"/>
                  <a:gd name="connsiteY37" fmla="*/ 1205952 h 1410656"/>
                  <a:gd name="connsiteX38" fmla="*/ 3623338 w 5260975"/>
                  <a:gd name="connsiteY38" fmla="*/ 1227363 h 1410656"/>
                  <a:gd name="connsiteX39" fmla="*/ 3586373 w 5260975"/>
                  <a:gd name="connsiteY39" fmla="*/ 1241765 h 1410656"/>
                  <a:gd name="connsiteX40" fmla="*/ 3555743 w 5260975"/>
                  <a:gd name="connsiteY40" fmla="*/ 1250023 h 1410656"/>
                  <a:gd name="connsiteX41" fmla="*/ 3528667 w 5260975"/>
                  <a:gd name="connsiteY41" fmla="*/ 1253864 h 1410656"/>
                  <a:gd name="connsiteX42" fmla="*/ 3457424 w 5260975"/>
                  <a:gd name="connsiteY42" fmla="*/ 1272874 h 1410656"/>
                  <a:gd name="connsiteX43" fmla="*/ 3429003 w 5260975"/>
                  <a:gd name="connsiteY43" fmla="*/ 1280364 h 1410656"/>
                  <a:gd name="connsiteX44" fmla="*/ 3355264 w 5260975"/>
                  <a:gd name="connsiteY44" fmla="*/ 1306096 h 1410656"/>
                  <a:gd name="connsiteX45" fmla="*/ 3292757 w 5260975"/>
                  <a:gd name="connsiteY45" fmla="*/ 1323090 h 1410656"/>
                  <a:gd name="connsiteX46" fmla="*/ 3266643 w 5260975"/>
                  <a:gd name="connsiteY46" fmla="*/ 1331251 h 1410656"/>
                  <a:gd name="connsiteX47" fmla="*/ 3206921 w 5260975"/>
                  <a:gd name="connsiteY47" fmla="*/ 1344886 h 1410656"/>
                  <a:gd name="connsiteX48" fmla="*/ 3173123 w 5260975"/>
                  <a:gd name="connsiteY48" fmla="*/ 1354488 h 1410656"/>
                  <a:gd name="connsiteX49" fmla="*/ 3090646 w 5260975"/>
                  <a:gd name="connsiteY49" fmla="*/ 1365337 h 1410656"/>
                  <a:gd name="connsiteX50" fmla="*/ 3005480 w 5260975"/>
                  <a:gd name="connsiteY50" fmla="*/ 1375802 h 1410656"/>
                  <a:gd name="connsiteX51" fmla="*/ 2958721 w 5260975"/>
                  <a:gd name="connsiteY51" fmla="*/ 1379259 h 1410656"/>
                  <a:gd name="connsiteX52" fmla="*/ 2917915 w 5260975"/>
                  <a:gd name="connsiteY52" fmla="*/ 1384733 h 1410656"/>
                  <a:gd name="connsiteX53" fmla="*/ 2882389 w 5260975"/>
                  <a:gd name="connsiteY53" fmla="*/ 1388189 h 1410656"/>
                  <a:gd name="connsiteX54" fmla="*/ 2825837 w 5260975"/>
                  <a:gd name="connsiteY54" fmla="*/ 1395198 h 1410656"/>
                  <a:gd name="connsiteX55" fmla="*/ 2802313 w 5260975"/>
                  <a:gd name="connsiteY55" fmla="*/ 1397023 h 1410656"/>
                  <a:gd name="connsiteX56" fmla="*/ 2746816 w 5260975"/>
                  <a:gd name="connsiteY56" fmla="*/ 1396926 h 1410656"/>
                  <a:gd name="connsiteX57" fmla="*/ 2727517 w 5260975"/>
                  <a:gd name="connsiteY57" fmla="*/ 1395966 h 1410656"/>
                  <a:gd name="connsiteX58" fmla="*/ 2690359 w 5260975"/>
                  <a:gd name="connsiteY58" fmla="*/ 1384060 h 1410656"/>
                  <a:gd name="connsiteX59" fmla="*/ 2685943 w 5260975"/>
                  <a:gd name="connsiteY59" fmla="*/ 1383196 h 1410656"/>
                  <a:gd name="connsiteX60" fmla="*/ 2661554 w 5260975"/>
                  <a:gd name="connsiteY60" fmla="*/ 1378491 h 1410656"/>
                  <a:gd name="connsiteX61" fmla="*/ 2648208 w 5260975"/>
                  <a:gd name="connsiteY61" fmla="*/ 1376955 h 1410656"/>
                  <a:gd name="connsiteX62" fmla="*/ 2597512 w 5260975"/>
                  <a:gd name="connsiteY62" fmla="*/ 1367162 h 1410656"/>
                  <a:gd name="connsiteX63" fmla="*/ 2568324 w 5260975"/>
                  <a:gd name="connsiteY63" fmla="*/ 1362553 h 1410656"/>
                  <a:gd name="connsiteX64" fmla="*/ 2544704 w 5260975"/>
                  <a:gd name="connsiteY64" fmla="*/ 1363225 h 1410656"/>
                  <a:gd name="connsiteX65" fmla="*/ 2503225 w 5260975"/>
                  <a:gd name="connsiteY65" fmla="*/ 1364089 h 1410656"/>
                  <a:gd name="connsiteX66" fmla="*/ 2489975 w 5260975"/>
                  <a:gd name="connsiteY66" fmla="*/ 1366298 h 1410656"/>
                  <a:gd name="connsiteX67" fmla="*/ 2430061 w 5260975"/>
                  <a:gd name="connsiteY67" fmla="*/ 1359960 h 1410656"/>
                  <a:gd name="connsiteX68" fmla="*/ 2395880 w 5260975"/>
                  <a:gd name="connsiteY68" fmla="*/ 1359480 h 1410656"/>
                  <a:gd name="connsiteX69" fmla="*/ 2357378 w 5260975"/>
                  <a:gd name="connsiteY69" fmla="*/ 1351607 h 1410656"/>
                  <a:gd name="connsiteX70" fmla="*/ 2346145 w 5260975"/>
                  <a:gd name="connsiteY70" fmla="*/ 1351991 h 1410656"/>
                  <a:gd name="connsiteX71" fmla="*/ 2333567 w 5260975"/>
                  <a:gd name="connsiteY71" fmla="*/ 1352663 h 1410656"/>
                  <a:gd name="connsiteX72" fmla="*/ 2294968 w 5260975"/>
                  <a:gd name="connsiteY72" fmla="*/ 1353240 h 1410656"/>
                  <a:gd name="connsiteX73" fmla="*/ 2271540 w 5260975"/>
                  <a:gd name="connsiteY73" fmla="*/ 1356120 h 1410656"/>
                  <a:gd name="connsiteX74" fmla="*/ 2226895 w 5260975"/>
                  <a:gd name="connsiteY74" fmla="*/ 1354392 h 1410656"/>
                  <a:gd name="connsiteX75" fmla="*/ 2210379 w 5260975"/>
                  <a:gd name="connsiteY75" fmla="*/ 1356888 h 1410656"/>
                  <a:gd name="connsiteX76" fmla="*/ 2168613 w 5260975"/>
                  <a:gd name="connsiteY76" fmla="*/ 1357176 h 1410656"/>
                  <a:gd name="connsiteX77" fmla="*/ 2131167 w 5260975"/>
                  <a:gd name="connsiteY77" fmla="*/ 1355736 h 1410656"/>
                  <a:gd name="connsiteX78" fmla="*/ 2095065 w 5260975"/>
                  <a:gd name="connsiteY78" fmla="*/ 1356504 h 1410656"/>
                  <a:gd name="connsiteX79" fmla="*/ 2069237 w 5260975"/>
                  <a:gd name="connsiteY79" fmla="*/ 1359672 h 1410656"/>
                  <a:gd name="connsiteX80" fmla="*/ 2041201 w 5260975"/>
                  <a:gd name="connsiteY80" fmla="*/ 1361592 h 1410656"/>
                  <a:gd name="connsiteX81" fmla="*/ 1963909 w 5260975"/>
                  <a:gd name="connsiteY81" fmla="*/ 1373018 h 1410656"/>
                  <a:gd name="connsiteX82" fmla="*/ 1949603 w 5260975"/>
                  <a:gd name="connsiteY82" fmla="*/ 1370234 h 1410656"/>
                  <a:gd name="connsiteX83" fmla="*/ 1868373 w 5260975"/>
                  <a:gd name="connsiteY83" fmla="*/ 1367641 h 1410656"/>
                  <a:gd name="connsiteX84" fmla="*/ 1850707 w 5260975"/>
                  <a:gd name="connsiteY84" fmla="*/ 1367834 h 1410656"/>
                  <a:gd name="connsiteX85" fmla="*/ 1803275 w 5260975"/>
                  <a:gd name="connsiteY85" fmla="*/ 1356504 h 1410656"/>
                  <a:gd name="connsiteX86" fmla="*/ 1730112 w 5260975"/>
                  <a:gd name="connsiteY86" fmla="*/ 1374459 h 1410656"/>
                  <a:gd name="connsiteX87" fmla="*/ 1661652 w 5260975"/>
                  <a:gd name="connsiteY87" fmla="*/ 1396926 h 1410656"/>
                  <a:gd name="connsiteX88" fmla="*/ 1653011 w 5260975"/>
                  <a:gd name="connsiteY88" fmla="*/ 1399807 h 1410656"/>
                  <a:gd name="connsiteX89" fmla="*/ 1628431 w 5260975"/>
                  <a:gd name="connsiteY89" fmla="*/ 1404704 h 1410656"/>
                  <a:gd name="connsiteX90" fmla="*/ 1597995 w 5260975"/>
                  <a:gd name="connsiteY90" fmla="*/ 1406432 h 1410656"/>
                  <a:gd name="connsiteX91" fmla="*/ 1559396 w 5260975"/>
                  <a:gd name="connsiteY91" fmla="*/ 1410656 h 1410656"/>
                  <a:gd name="connsiteX92" fmla="*/ 1528480 w 5260975"/>
                  <a:gd name="connsiteY92" fmla="*/ 1405375 h 1410656"/>
                  <a:gd name="connsiteX93" fmla="*/ 1485272 w 5260975"/>
                  <a:gd name="connsiteY93" fmla="*/ 1397502 h 1410656"/>
                  <a:gd name="connsiteX94" fmla="*/ 1444562 w 5260975"/>
                  <a:gd name="connsiteY94" fmla="*/ 1390013 h 1410656"/>
                  <a:gd name="connsiteX95" fmla="*/ 1431696 w 5260975"/>
                  <a:gd name="connsiteY95" fmla="*/ 1398846 h 1410656"/>
                  <a:gd name="connsiteX96" fmla="*/ 1411821 w 5260975"/>
                  <a:gd name="connsiteY96" fmla="*/ 1406527 h 1410656"/>
                  <a:gd name="connsiteX97" fmla="*/ 1389738 w 5260975"/>
                  <a:gd name="connsiteY97" fmla="*/ 1397310 h 1410656"/>
                  <a:gd name="connsiteX98" fmla="*/ 1338081 w 5260975"/>
                  <a:gd name="connsiteY98" fmla="*/ 1378204 h 1410656"/>
                  <a:gd name="connsiteX99" fmla="*/ 1305436 w 5260975"/>
                  <a:gd name="connsiteY99" fmla="*/ 1377339 h 1410656"/>
                  <a:gd name="connsiteX100" fmla="*/ 1234481 w 5260975"/>
                  <a:gd name="connsiteY100" fmla="*/ 1369178 h 1410656"/>
                  <a:gd name="connsiteX101" fmla="*/ 1188106 w 5260975"/>
                  <a:gd name="connsiteY101" fmla="*/ 1357560 h 1410656"/>
                  <a:gd name="connsiteX102" fmla="*/ 1154790 w 5260975"/>
                  <a:gd name="connsiteY102" fmla="*/ 1344406 h 1410656"/>
                  <a:gd name="connsiteX103" fmla="*/ 1107069 w 5260975"/>
                  <a:gd name="connsiteY103" fmla="*/ 1327219 h 1410656"/>
                  <a:gd name="connsiteX104" fmla="*/ 1059158 w 5260975"/>
                  <a:gd name="connsiteY104" fmla="*/ 1318290 h 1410656"/>
                  <a:gd name="connsiteX105" fmla="*/ 1024496 w 5260975"/>
                  <a:gd name="connsiteY105" fmla="*/ 1307056 h 1410656"/>
                  <a:gd name="connsiteX106" fmla="*/ 982153 w 5260975"/>
                  <a:gd name="connsiteY106" fmla="*/ 1299374 h 1410656"/>
                  <a:gd name="connsiteX107" fmla="*/ 946628 w 5260975"/>
                  <a:gd name="connsiteY107" fmla="*/ 1299087 h 1410656"/>
                  <a:gd name="connsiteX108" fmla="*/ 890939 w 5260975"/>
                  <a:gd name="connsiteY108" fmla="*/ 1300431 h 1410656"/>
                  <a:gd name="connsiteX109" fmla="*/ 822769 w 5260975"/>
                  <a:gd name="connsiteY109" fmla="*/ 1277196 h 1410656"/>
                  <a:gd name="connsiteX110" fmla="*/ 795212 w 5260975"/>
                  <a:gd name="connsiteY110" fmla="*/ 1272010 h 1410656"/>
                  <a:gd name="connsiteX111" fmla="*/ 769288 w 5260975"/>
                  <a:gd name="connsiteY111" fmla="*/ 1269610 h 1410656"/>
                  <a:gd name="connsiteX112" fmla="*/ 714271 w 5260975"/>
                  <a:gd name="connsiteY112" fmla="*/ 1254152 h 1410656"/>
                  <a:gd name="connsiteX113" fmla="*/ 691900 w 5260975"/>
                  <a:gd name="connsiteY113" fmla="*/ 1249062 h 1410656"/>
                  <a:gd name="connsiteX114" fmla="*/ 660598 w 5260975"/>
                  <a:gd name="connsiteY114" fmla="*/ 1249159 h 1410656"/>
                  <a:gd name="connsiteX115" fmla="*/ 603662 w 5260975"/>
                  <a:gd name="connsiteY115" fmla="*/ 1242054 h 1410656"/>
                  <a:gd name="connsiteX116" fmla="*/ 546821 w 5260975"/>
                  <a:gd name="connsiteY116" fmla="*/ 1221314 h 1410656"/>
                  <a:gd name="connsiteX117" fmla="*/ 522721 w 5260975"/>
                  <a:gd name="connsiteY117" fmla="*/ 1223330 h 1410656"/>
                  <a:gd name="connsiteX118" fmla="*/ 514080 w 5260975"/>
                  <a:gd name="connsiteY118" fmla="*/ 1222851 h 1410656"/>
                  <a:gd name="connsiteX119" fmla="*/ 436404 w 5260975"/>
                  <a:gd name="connsiteY119" fmla="*/ 1211424 h 1410656"/>
                  <a:gd name="connsiteX120" fmla="*/ 428626 w 5260975"/>
                  <a:gd name="connsiteY120" fmla="*/ 1210177 h 1410656"/>
                  <a:gd name="connsiteX121" fmla="*/ 392141 w 5260975"/>
                  <a:gd name="connsiteY121" fmla="*/ 1199999 h 1410656"/>
                  <a:gd name="connsiteX122" fmla="*/ 300157 w 5260975"/>
                  <a:gd name="connsiteY122" fmla="*/ 1193662 h 1410656"/>
                  <a:gd name="connsiteX123" fmla="*/ 294493 w 5260975"/>
                  <a:gd name="connsiteY123" fmla="*/ 1192894 h 1410656"/>
                  <a:gd name="connsiteX124" fmla="*/ 263671 w 5260975"/>
                  <a:gd name="connsiteY124" fmla="*/ 1197982 h 1410656"/>
                  <a:gd name="connsiteX125" fmla="*/ 248406 w 5260975"/>
                  <a:gd name="connsiteY125" fmla="*/ 1205184 h 1410656"/>
                  <a:gd name="connsiteX126" fmla="*/ 224594 w 5260975"/>
                  <a:gd name="connsiteY126" fmla="*/ 1212673 h 1410656"/>
                  <a:gd name="connsiteX127" fmla="*/ 200398 w 5260975"/>
                  <a:gd name="connsiteY127" fmla="*/ 1215458 h 1410656"/>
                  <a:gd name="connsiteX128" fmla="*/ 159783 w 5260975"/>
                  <a:gd name="connsiteY128" fmla="*/ 1204127 h 1410656"/>
                  <a:gd name="connsiteX129" fmla="*/ 144997 w 5260975"/>
                  <a:gd name="connsiteY129" fmla="*/ 1202975 h 1410656"/>
                  <a:gd name="connsiteX130" fmla="*/ 112064 w 5260975"/>
                  <a:gd name="connsiteY130" fmla="*/ 1197503 h 1410656"/>
                  <a:gd name="connsiteX131" fmla="*/ 83259 w 5260975"/>
                  <a:gd name="connsiteY131" fmla="*/ 1197887 h 1410656"/>
                  <a:gd name="connsiteX132" fmla="*/ 60120 w 5260975"/>
                  <a:gd name="connsiteY132" fmla="*/ 1206624 h 1410656"/>
                  <a:gd name="connsiteX133" fmla="*/ 26514 w 5260975"/>
                  <a:gd name="connsiteY133" fmla="*/ 1208352 h 1410656"/>
                  <a:gd name="connsiteX134" fmla="*/ 4814 w 5260975"/>
                  <a:gd name="connsiteY134" fmla="*/ 1202015 h 1410656"/>
                  <a:gd name="connsiteX135" fmla="*/ 398 w 5260975"/>
                  <a:gd name="connsiteY135" fmla="*/ 1201152 h 1410656"/>
                  <a:gd name="connsiteX136" fmla="*/ 0 w 5260975"/>
                  <a:gd name="connsiteY136" fmla="*/ 1201150 h 1410656"/>
                  <a:gd name="connsiteX137" fmla="*/ 0 w 5260975"/>
                  <a:gd name="connsiteY137" fmla="*/ 1004512 h 1410656"/>
                  <a:gd name="connsiteX138" fmla="*/ 30355 w 5260975"/>
                  <a:gd name="connsiteY138" fmla="*/ 1002784 h 1410656"/>
                  <a:gd name="connsiteX139" fmla="*/ 52151 w 5260975"/>
                  <a:gd name="connsiteY139" fmla="*/ 997695 h 1410656"/>
                  <a:gd name="connsiteX140" fmla="*/ 64248 w 5260975"/>
                  <a:gd name="connsiteY140" fmla="*/ 994430 h 1410656"/>
                  <a:gd name="connsiteX141" fmla="*/ 126370 w 5260975"/>
                  <a:gd name="connsiteY141" fmla="*/ 985405 h 1410656"/>
                  <a:gd name="connsiteX142" fmla="*/ 154022 w 5260975"/>
                  <a:gd name="connsiteY142" fmla="*/ 975708 h 1410656"/>
                  <a:gd name="connsiteX143" fmla="*/ 161512 w 5260975"/>
                  <a:gd name="connsiteY143" fmla="*/ 974268 h 1410656"/>
                  <a:gd name="connsiteX144" fmla="*/ 202510 w 5260975"/>
                  <a:gd name="connsiteY144" fmla="*/ 978300 h 1410656"/>
                  <a:gd name="connsiteX145" fmla="*/ 233235 w 5260975"/>
                  <a:gd name="connsiteY145" fmla="*/ 993950 h 1410656"/>
                  <a:gd name="connsiteX146" fmla="*/ 239188 w 5260975"/>
                  <a:gd name="connsiteY146" fmla="*/ 999231 h 1410656"/>
                  <a:gd name="connsiteX147" fmla="*/ 324834 w 5260975"/>
                  <a:gd name="connsiteY147" fmla="*/ 997407 h 1410656"/>
                  <a:gd name="connsiteX148" fmla="*/ 337987 w 5260975"/>
                  <a:gd name="connsiteY148" fmla="*/ 995198 h 1410656"/>
                  <a:gd name="connsiteX149" fmla="*/ 401550 w 5260975"/>
                  <a:gd name="connsiteY149" fmla="*/ 1004416 h 1410656"/>
                  <a:gd name="connsiteX150" fmla="*/ 420081 w 5260975"/>
                  <a:gd name="connsiteY150" fmla="*/ 1006240 h 1410656"/>
                  <a:gd name="connsiteX151" fmla="*/ 486523 w 5260975"/>
                  <a:gd name="connsiteY151" fmla="*/ 1014498 h 1410656"/>
                  <a:gd name="connsiteX152" fmla="*/ 495932 w 5260975"/>
                  <a:gd name="connsiteY152" fmla="*/ 1006817 h 1410656"/>
                  <a:gd name="connsiteX153" fmla="*/ 523009 w 5260975"/>
                  <a:gd name="connsiteY153" fmla="*/ 987517 h 1410656"/>
                  <a:gd name="connsiteX154" fmla="*/ 576393 w 5260975"/>
                  <a:gd name="connsiteY154" fmla="*/ 970427 h 1410656"/>
                  <a:gd name="connsiteX155" fmla="*/ 590892 w 5260975"/>
                  <a:gd name="connsiteY155" fmla="*/ 971387 h 1410656"/>
                  <a:gd name="connsiteX156" fmla="*/ 627569 w 5260975"/>
                  <a:gd name="connsiteY156" fmla="*/ 999904 h 1410656"/>
                  <a:gd name="connsiteX157" fmla="*/ 645429 w 5260975"/>
                  <a:gd name="connsiteY157" fmla="*/ 1011329 h 1410656"/>
                  <a:gd name="connsiteX158" fmla="*/ 696125 w 5260975"/>
                  <a:gd name="connsiteY158" fmla="*/ 1032356 h 1410656"/>
                  <a:gd name="connsiteX159" fmla="*/ 700349 w 5260975"/>
                  <a:gd name="connsiteY159" fmla="*/ 1036197 h 1410656"/>
                  <a:gd name="connsiteX160" fmla="*/ 737795 w 5260975"/>
                  <a:gd name="connsiteY160" fmla="*/ 1081804 h 1410656"/>
                  <a:gd name="connsiteX161" fmla="*/ 746244 w 5260975"/>
                  <a:gd name="connsiteY161" fmla="*/ 1089581 h 1410656"/>
                  <a:gd name="connsiteX162" fmla="*/ 756422 w 5260975"/>
                  <a:gd name="connsiteY162" fmla="*/ 1101680 h 1410656"/>
                  <a:gd name="connsiteX163" fmla="*/ 788202 w 5260975"/>
                  <a:gd name="connsiteY163" fmla="*/ 1125108 h 1410656"/>
                  <a:gd name="connsiteX164" fmla="*/ 827569 w 5260975"/>
                  <a:gd name="connsiteY164" fmla="*/ 1132596 h 1410656"/>
                  <a:gd name="connsiteX165" fmla="*/ 875097 w 5260975"/>
                  <a:gd name="connsiteY165" fmla="*/ 1144022 h 1410656"/>
                  <a:gd name="connsiteX166" fmla="*/ 894972 w 5260975"/>
                  <a:gd name="connsiteY166" fmla="*/ 1151704 h 1410656"/>
                  <a:gd name="connsiteX167" fmla="*/ 948260 w 5260975"/>
                  <a:gd name="connsiteY167" fmla="*/ 1166298 h 1410656"/>
                  <a:gd name="connsiteX168" fmla="*/ 986282 w 5260975"/>
                  <a:gd name="connsiteY168" fmla="*/ 1178588 h 1410656"/>
                  <a:gd name="connsiteX169" fmla="*/ 1041107 w 5260975"/>
                  <a:gd name="connsiteY169" fmla="*/ 1185789 h 1410656"/>
                  <a:gd name="connsiteX170" fmla="*/ 1067703 w 5260975"/>
                  <a:gd name="connsiteY170" fmla="*/ 1186076 h 1410656"/>
                  <a:gd name="connsiteX171" fmla="*/ 1116574 w 5260975"/>
                  <a:gd name="connsiteY171" fmla="*/ 1222946 h 1410656"/>
                  <a:gd name="connsiteX172" fmla="*/ 1155557 w 5260975"/>
                  <a:gd name="connsiteY172" fmla="*/ 1247335 h 1410656"/>
                  <a:gd name="connsiteX173" fmla="*/ 1196556 w 5260975"/>
                  <a:gd name="connsiteY173" fmla="*/ 1235525 h 1410656"/>
                  <a:gd name="connsiteX174" fmla="*/ 1207693 w 5260975"/>
                  <a:gd name="connsiteY174" fmla="*/ 1224387 h 1410656"/>
                  <a:gd name="connsiteX175" fmla="*/ 1274904 w 5260975"/>
                  <a:gd name="connsiteY175" fmla="*/ 1213826 h 1410656"/>
                  <a:gd name="connsiteX176" fmla="*/ 1370919 w 5260975"/>
                  <a:gd name="connsiteY176" fmla="*/ 1213442 h 1410656"/>
                  <a:gd name="connsiteX177" fmla="*/ 1530593 w 5260975"/>
                  <a:gd name="connsiteY177" fmla="*/ 1189437 h 1410656"/>
                  <a:gd name="connsiteX178" fmla="*/ 1558436 w 5260975"/>
                  <a:gd name="connsiteY178" fmla="*/ 1178299 h 1410656"/>
                  <a:gd name="connsiteX179" fmla="*/ 1589737 w 5260975"/>
                  <a:gd name="connsiteY179" fmla="*/ 1175515 h 1410656"/>
                  <a:gd name="connsiteX180" fmla="*/ 1601740 w 5260975"/>
                  <a:gd name="connsiteY180" fmla="*/ 1182333 h 1410656"/>
                  <a:gd name="connsiteX181" fmla="*/ 1654259 w 5260975"/>
                  <a:gd name="connsiteY181" fmla="*/ 1192510 h 1410656"/>
                  <a:gd name="connsiteX182" fmla="*/ 1664246 w 5260975"/>
                  <a:gd name="connsiteY182" fmla="*/ 1192702 h 1410656"/>
                  <a:gd name="connsiteX183" fmla="*/ 1698427 w 5260975"/>
                  <a:gd name="connsiteY183" fmla="*/ 1188381 h 1410656"/>
                  <a:gd name="connsiteX184" fmla="*/ 1730112 w 5260975"/>
                  <a:gd name="connsiteY184" fmla="*/ 1185885 h 1410656"/>
                  <a:gd name="connsiteX185" fmla="*/ 1809996 w 5260975"/>
                  <a:gd name="connsiteY185" fmla="*/ 1194046 h 1410656"/>
                  <a:gd name="connsiteX186" fmla="*/ 1871254 w 5260975"/>
                  <a:gd name="connsiteY186" fmla="*/ 1192126 h 1410656"/>
                  <a:gd name="connsiteX187" fmla="*/ 1899482 w 5260975"/>
                  <a:gd name="connsiteY187" fmla="*/ 1194046 h 1410656"/>
                  <a:gd name="connsiteX188" fmla="*/ 1915420 w 5260975"/>
                  <a:gd name="connsiteY188" fmla="*/ 1196927 h 1410656"/>
                  <a:gd name="connsiteX189" fmla="*/ 1951522 w 5260975"/>
                  <a:gd name="connsiteY189" fmla="*/ 1216994 h 1410656"/>
                  <a:gd name="connsiteX190" fmla="*/ 1971302 w 5260975"/>
                  <a:gd name="connsiteY190" fmla="*/ 1221507 h 1410656"/>
                  <a:gd name="connsiteX191" fmla="*/ 2030831 w 5260975"/>
                  <a:gd name="connsiteY191" fmla="*/ 1221123 h 1410656"/>
                  <a:gd name="connsiteX192" fmla="*/ 2120125 w 5260975"/>
                  <a:gd name="connsiteY192" fmla="*/ 1190878 h 1410656"/>
                  <a:gd name="connsiteX193" fmla="*/ 2129439 w 5260975"/>
                  <a:gd name="connsiteY193" fmla="*/ 1186845 h 1410656"/>
                  <a:gd name="connsiteX194" fmla="*/ 2174854 w 5260975"/>
                  <a:gd name="connsiteY194" fmla="*/ 1181852 h 1410656"/>
                  <a:gd name="connsiteX195" fmla="*/ 2205674 w 5260975"/>
                  <a:gd name="connsiteY195" fmla="*/ 1188669 h 1410656"/>
                  <a:gd name="connsiteX196" fmla="*/ 2247634 w 5260975"/>
                  <a:gd name="connsiteY196" fmla="*/ 1202784 h 1410656"/>
                  <a:gd name="connsiteX197" fmla="*/ 2285367 w 5260975"/>
                  <a:gd name="connsiteY197" fmla="*/ 1214594 h 1410656"/>
                  <a:gd name="connsiteX198" fmla="*/ 2312827 w 5260975"/>
                  <a:gd name="connsiteY198" fmla="*/ 1227939 h 1410656"/>
                  <a:gd name="connsiteX199" fmla="*/ 2375622 w 5260975"/>
                  <a:gd name="connsiteY199" fmla="*/ 1237733 h 1410656"/>
                  <a:gd name="connsiteX200" fmla="*/ 2382151 w 5260975"/>
                  <a:gd name="connsiteY200" fmla="*/ 1239365 h 1410656"/>
                  <a:gd name="connsiteX201" fmla="*/ 2429390 w 5260975"/>
                  <a:gd name="connsiteY201" fmla="*/ 1227459 h 1410656"/>
                  <a:gd name="connsiteX202" fmla="*/ 2486134 w 5260975"/>
                  <a:gd name="connsiteY202" fmla="*/ 1215362 h 1410656"/>
                  <a:gd name="connsiteX203" fmla="*/ 2506394 w 5260975"/>
                  <a:gd name="connsiteY203" fmla="*/ 1219490 h 1410656"/>
                  <a:gd name="connsiteX204" fmla="*/ 2534142 w 5260975"/>
                  <a:gd name="connsiteY204" fmla="*/ 1225347 h 1410656"/>
                  <a:gd name="connsiteX205" fmla="*/ 2559874 w 5260975"/>
                  <a:gd name="connsiteY205" fmla="*/ 1222275 h 1410656"/>
                  <a:gd name="connsiteX206" fmla="*/ 2575525 w 5260975"/>
                  <a:gd name="connsiteY206" fmla="*/ 1221987 h 1410656"/>
                  <a:gd name="connsiteX207" fmla="*/ 2646960 w 5260975"/>
                  <a:gd name="connsiteY207" fmla="*/ 1257896 h 1410656"/>
                  <a:gd name="connsiteX208" fmla="*/ 2665107 w 5260975"/>
                  <a:gd name="connsiteY208" fmla="*/ 1260873 h 1410656"/>
                  <a:gd name="connsiteX209" fmla="*/ 2675381 w 5260975"/>
                  <a:gd name="connsiteY209" fmla="*/ 1265290 h 1410656"/>
                  <a:gd name="connsiteX210" fmla="*/ 2737311 w 5260975"/>
                  <a:gd name="connsiteY210" fmla="*/ 1309841 h 1410656"/>
                  <a:gd name="connsiteX211" fmla="*/ 2763619 w 5260975"/>
                  <a:gd name="connsiteY211" fmla="*/ 1318866 h 1410656"/>
                  <a:gd name="connsiteX212" fmla="*/ 2792519 w 5260975"/>
                  <a:gd name="connsiteY212" fmla="*/ 1317041 h 1410656"/>
                  <a:gd name="connsiteX213" fmla="*/ 2809226 w 5260975"/>
                  <a:gd name="connsiteY213" fmla="*/ 1313777 h 1410656"/>
                  <a:gd name="connsiteX214" fmla="*/ 2850705 w 5260975"/>
                  <a:gd name="connsiteY214" fmla="*/ 1285452 h 1410656"/>
                  <a:gd name="connsiteX215" fmla="*/ 2874324 w 5260975"/>
                  <a:gd name="connsiteY215" fmla="*/ 1286413 h 1410656"/>
                  <a:gd name="connsiteX216" fmla="*/ 2911194 w 5260975"/>
                  <a:gd name="connsiteY216" fmla="*/ 1305903 h 1410656"/>
                  <a:gd name="connsiteX217" fmla="*/ 2978116 w 5260975"/>
                  <a:gd name="connsiteY217" fmla="*/ 1314641 h 1410656"/>
                  <a:gd name="connsiteX218" fmla="*/ 3012106 w 5260975"/>
                  <a:gd name="connsiteY218" fmla="*/ 1287373 h 1410656"/>
                  <a:gd name="connsiteX219" fmla="*/ 3029676 w 5260975"/>
                  <a:gd name="connsiteY219" fmla="*/ 1261161 h 1410656"/>
                  <a:gd name="connsiteX220" fmla="*/ 3080469 w 5260975"/>
                  <a:gd name="connsiteY220" fmla="*/ 1230724 h 1410656"/>
                  <a:gd name="connsiteX221" fmla="*/ 3092567 w 5260975"/>
                  <a:gd name="connsiteY221" fmla="*/ 1242054 h 1410656"/>
                  <a:gd name="connsiteX222" fmla="*/ 3129821 w 5260975"/>
                  <a:gd name="connsiteY222" fmla="*/ 1246855 h 1410656"/>
                  <a:gd name="connsiteX223" fmla="*/ 3170147 w 5260975"/>
                  <a:gd name="connsiteY223" fmla="*/ 1246471 h 1410656"/>
                  <a:gd name="connsiteX224" fmla="*/ 3240429 w 5260975"/>
                  <a:gd name="connsiteY224" fmla="*/ 1251559 h 1410656"/>
                  <a:gd name="connsiteX225" fmla="*/ 3287189 w 5260975"/>
                  <a:gd name="connsiteY225" fmla="*/ 1222466 h 1410656"/>
                  <a:gd name="connsiteX226" fmla="*/ 3305049 w 5260975"/>
                  <a:gd name="connsiteY226" fmla="*/ 1210465 h 1410656"/>
                  <a:gd name="connsiteX227" fmla="*/ 3321755 w 5260975"/>
                  <a:gd name="connsiteY227" fmla="*/ 1202784 h 1410656"/>
                  <a:gd name="connsiteX228" fmla="*/ 3341055 w 5260975"/>
                  <a:gd name="connsiteY228" fmla="*/ 1198463 h 1410656"/>
                  <a:gd name="connsiteX229" fmla="*/ 3387621 w 5260975"/>
                  <a:gd name="connsiteY229" fmla="*/ 1182140 h 1410656"/>
                  <a:gd name="connsiteX230" fmla="*/ 3413161 w 5260975"/>
                  <a:gd name="connsiteY230" fmla="*/ 1166105 h 1410656"/>
                  <a:gd name="connsiteX231" fmla="*/ 3470579 w 5260975"/>
                  <a:gd name="connsiteY231" fmla="*/ 1150647 h 1410656"/>
                  <a:gd name="connsiteX232" fmla="*/ 3509657 w 5260975"/>
                  <a:gd name="connsiteY232" fmla="*/ 1136821 h 1410656"/>
                  <a:gd name="connsiteX233" fmla="*/ 3550847 w 5260975"/>
                  <a:gd name="connsiteY233" fmla="*/ 1113009 h 1410656"/>
                  <a:gd name="connsiteX234" fmla="*/ 3556608 w 5260975"/>
                  <a:gd name="connsiteY234" fmla="*/ 1109361 h 1410656"/>
                  <a:gd name="connsiteX235" fmla="*/ 3570435 w 5260975"/>
                  <a:gd name="connsiteY235" fmla="*/ 1093710 h 1410656"/>
                  <a:gd name="connsiteX236" fmla="*/ 3590501 w 5260975"/>
                  <a:gd name="connsiteY236" fmla="*/ 1039846 h 1410656"/>
                  <a:gd name="connsiteX237" fmla="*/ 3596263 w 5260975"/>
                  <a:gd name="connsiteY237" fmla="*/ 1028900 h 1410656"/>
                  <a:gd name="connsiteX238" fmla="*/ 3648591 w 5260975"/>
                  <a:gd name="connsiteY238" fmla="*/ 992030 h 1410656"/>
                  <a:gd name="connsiteX239" fmla="*/ 3667986 w 5260975"/>
                  <a:gd name="connsiteY239" fmla="*/ 995487 h 1410656"/>
                  <a:gd name="connsiteX240" fmla="*/ 3689397 w 5260975"/>
                  <a:gd name="connsiteY240" fmla="*/ 1007585 h 1410656"/>
                  <a:gd name="connsiteX241" fmla="*/ 3736349 w 5260975"/>
                  <a:gd name="connsiteY241" fmla="*/ 1010753 h 1410656"/>
                  <a:gd name="connsiteX242" fmla="*/ 3753919 w 5260975"/>
                  <a:gd name="connsiteY242" fmla="*/ 1004513 h 1410656"/>
                  <a:gd name="connsiteX243" fmla="*/ 3784643 w 5260975"/>
                  <a:gd name="connsiteY243" fmla="*/ 987710 h 1410656"/>
                  <a:gd name="connsiteX244" fmla="*/ 3808359 w 5260975"/>
                  <a:gd name="connsiteY244" fmla="*/ 961689 h 1410656"/>
                  <a:gd name="connsiteX245" fmla="*/ 3842829 w 5260975"/>
                  <a:gd name="connsiteY245" fmla="*/ 918674 h 1410656"/>
                  <a:gd name="connsiteX246" fmla="*/ 3908983 w 5260975"/>
                  <a:gd name="connsiteY246" fmla="*/ 902256 h 1410656"/>
                  <a:gd name="connsiteX247" fmla="*/ 3934428 w 5260975"/>
                  <a:gd name="connsiteY247" fmla="*/ 896783 h 1410656"/>
                  <a:gd name="connsiteX248" fmla="*/ 4026987 w 5260975"/>
                  <a:gd name="connsiteY248" fmla="*/ 873835 h 1410656"/>
                  <a:gd name="connsiteX249" fmla="*/ 4035051 w 5260975"/>
                  <a:gd name="connsiteY249" fmla="*/ 873067 h 1410656"/>
                  <a:gd name="connsiteX250" fmla="*/ 4099189 w 5260975"/>
                  <a:gd name="connsiteY250" fmla="*/ 846664 h 1410656"/>
                  <a:gd name="connsiteX251" fmla="*/ 4114647 w 5260975"/>
                  <a:gd name="connsiteY251" fmla="*/ 840134 h 1410656"/>
                  <a:gd name="connsiteX252" fmla="*/ 4133563 w 5260975"/>
                  <a:gd name="connsiteY252" fmla="*/ 823427 h 1410656"/>
                  <a:gd name="connsiteX253" fmla="*/ 4151039 w 5260975"/>
                  <a:gd name="connsiteY253" fmla="*/ 776284 h 1410656"/>
                  <a:gd name="connsiteX254" fmla="*/ 4171489 w 5260975"/>
                  <a:gd name="connsiteY254" fmla="*/ 754776 h 1410656"/>
                  <a:gd name="connsiteX255" fmla="*/ 4186372 w 5260975"/>
                  <a:gd name="connsiteY255" fmla="*/ 741718 h 1410656"/>
                  <a:gd name="connsiteX256" fmla="*/ 4199429 w 5260975"/>
                  <a:gd name="connsiteY256" fmla="*/ 721940 h 1410656"/>
                  <a:gd name="connsiteX257" fmla="*/ 4212487 w 5260975"/>
                  <a:gd name="connsiteY257" fmla="*/ 674604 h 1410656"/>
                  <a:gd name="connsiteX258" fmla="*/ 4232555 w 5260975"/>
                  <a:gd name="connsiteY258" fmla="*/ 632645 h 1410656"/>
                  <a:gd name="connsiteX259" fmla="*/ 4268657 w 5260975"/>
                  <a:gd name="connsiteY259" fmla="*/ 609410 h 1410656"/>
                  <a:gd name="connsiteX260" fmla="*/ 4291028 w 5260975"/>
                  <a:gd name="connsiteY260" fmla="*/ 597216 h 1410656"/>
                  <a:gd name="connsiteX261" fmla="*/ 4379651 w 5260975"/>
                  <a:gd name="connsiteY261" fmla="*/ 609506 h 1410656"/>
                  <a:gd name="connsiteX262" fmla="*/ 4440139 w 5260975"/>
                  <a:gd name="connsiteY262" fmla="*/ 621507 h 1410656"/>
                  <a:gd name="connsiteX263" fmla="*/ 4460015 w 5260975"/>
                  <a:gd name="connsiteY263" fmla="*/ 616899 h 1410656"/>
                  <a:gd name="connsiteX264" fmla="*/ 4516183 w 5260975"/>
                  <a:gd name="connsiteY264" fmla="*/ 577724 h 1410656"/>
                  <a:gd name="connsiteX265" fmla="*/ 4571681 w 5260975"/>
                  <a:gd name="connsiteY265" fmla="*/ 560250 h 1410656"/>
                  <a:gd name="connsiteX266" fmla="*/ 4613447 w 5260975"/>
                  <a:gd name="connsiteY266" fmla="*/ 555257 h 1410656"/>
                  <a:gd name="connsiteX267" fmla="*/ 4649355 w 5260975"/>
                  <a:gd name="connsiteY267" fmla="*/ 551417 h 1410656"/>
                  <a:gd name="connsiteX268" fmla="*/ 4692467 w 5260975"/>
                  <a:gd name="connsiteY268" fmla="*/ 540663 h 1410656"/>
                  <a:gd name="connsiteX269" fmla="*/ 4716855 w 5260975"/>
                  <a:gd name="connsiteY269" fmla="*/ 528949 h 1410656"/>
                  <a:gd name="connsiteX270" fmla="*/ 4755645 w 5260975"/>
                  <a:gd name="connsiteY270" fmla="*/ 512147 h 1410656"/>
                  <a:gd name="connsiteX271" fmla="*/ 4795395 w 5260975"/>
                  <a:gd name="connsiteY271" fmla="*/ 490351 h 1410656"/>
                  <a:gd name="connsiteX272" fmla="*/ 4825928 w 5260975"/>
                  <a:gd name="connsiteY272" fmla="*/ 459818 h 1410656"/>
                  <a:gd name="connsiteX273" fmla="*/ 4842347 w 5260975"/>
                  <a:gd name="connsiteY273" fmla="*/ 434086 h 1410656"/>
                  <a:gd name="connsiteX274" fmla="*/ 4890451 w 5260975"/>
                  <a:gd name="connsiteY274" fmla="*/ 397216 h 1410656"/>
                  <a:gd name="connsiteX275" fmla="*/ 4933945 w 5260975"/>
                  <a:gd name="connsiteY275" fmla="*/ 327701 h 1410656"/>
                  <a:gd name="connsiteX276" fmla="*/ 4961214 w 5260975"/>
                  <a:gd name="connsiteY276" fmla="*/ 298801 h 1410656"/>
                  <a:gd name="connsiteX277" fmla="*/ 4976672 w 5260975"/>
                  <a:gd name="connsiteY277" fmla="*/ 290639 h 1410656"/>
                  <a:gd name="connsiteX278" fmla="*/ 5002979 w 5260975"/>
                  <a:gd name="connsiteY278" fmla="*/ 270573 h 1410656"/>
                  <a:gd name="connsiteX279" fmla="*/ 5018535 w 5260975"/>
                  <a:gd name="connsiteY279" fmla="*/ 255690 h 1410656"/>
                  <a:gd name="connsiteX280" fmla="*/ 5061069 w 5260975"/>
                  <a:gd name="connsiteY280" fmla="*/ 200961 h 1410656"/>
                  <a:gd name="connsiteX281" fmla="*/ 5074127 w 5260975"/>
                  <a:gd name="connsiteY281" fmla="*/ 184735 h 1410656"/>
                  <a:gd name="connsiteX282" fmla="*/ 5101108 w 5260975"/>
                  <a:gd name="connsiteY282" fmla="*/ 156891 h 1410656"/>
                  <a:gd name="connsiteX283" fmla="*/ 5112918 w 5260975"/>
                  <a:gd name="connsiteY283" fmla="*/ 148441 h 1410656"/>
                  <a:gd name="connsiteX284" fmla="*/ 5133753 w 5260975"/>
                  <a:gd name="connsiteY284" fmla="*/ 125782 h 1410656"/>
                  <a:gd name="connsiteX285" fmla="*/ 5183393 w 5260975"/>
                  <a:gd name="connsiteY285" fmla="*/ 66348 h 1410656"/>
                  <a:gd name="connsiteX286" fmla="*/ 5204709 w 5260975"/>
                  <a:gd name="connsiteY286" fmla="*/ 33030 h 1410656"/>
                  <a:gd name="connsiteX287" fmla="*/ 5247243 w 5260975"/>
                  <a:gd name="connsiteY287" fmla="*/ 8451 h 14106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Lst>
                <a:rect l="l" t="t" r="r" b="b"/>
                <a:pathLst>
                  <a:path w="5260975" h="1410656">
                    <a:moveTo>
                      <a:pt x="5260975" y="0"/>
                    </a:moveTo>
                    <a:lnTo>
                      <a:pt x="5260975" y="221634"/>
                    </a:lnTo>
                    <a:lnTo>
                      <a:pt x="5226503" y="237063"/>
                    </a:lnTo>
                    <a:cubicBezTo>
                      <a:pt x="5219783" y="239848"/>
                      <a:pt x="5212389" y="241384"/>
                      <a:pt x="5206341" y="245128"/>
                    </a:cubicBezTo>
                    <a:cubicBezTo>
                      <a:pt x="5178495" y="262219"/>
                      <a:pt x="5151515" y="280654"/>
                      <a:pt x="5123287" y="297073"/>
                    </a:cubicBezTo>
                    <a:cubicBezTo>
                      <a:pt x="5094195" y="314067"/>
                      <a:pt x="5068175" y="334134"/>
                      <a:pt x="5048107" y="361307"/>
                    </a:cubicBezTo>
                    <a:cubicBezTo>
                      <a:pt x="5029480" y="386559"/>
                      <a:pt x="5011429" y="412194"/>
                      <a:pt x="4992899" y="437542"/>
                    </a:cubicBezTo>
                    <a:cubicBezTo>
                      <a:pt x="4988194" y="443975"/>
                      <a:pt x="4983873" y="451561"/>
                      <a:pt x="4977440" y="455690"/>
                    </a:cubicBezTo>
                    <a:cubicBezTo>
                      <a:pt x="4964094" y="464331"/>
                      <a:pt x="4949499" y="471340"/>
                      <a:pt x="4935193" y="478445"/>
                    </a:cubicBezTo>
                    <a:cubicBezTo>
                      <a:pt x="4922903" y="484494"/>
                      <a:pt x="4909845" y="489006"/>
                      <a:pt x="4897844" y="495535"/>
                    </a:cubicBezTo>
                    <a:cubicBezTo>
                      <a:pt x="4888243" y="500721"/>
                      <a:pt x="4879697" y="507922"/>
                      <a:pt x="4870767" y="514451"/>
                    </a:cubicBezTo>
                    <a:cubicBezTo>
                      <a:pt x="4862990" y="520115"/>
                      <a:pt x="4854445" y="525012"/>
                      <a:pt x="4847916" y="531830"/>
                    </a:cubicBezTo>
                    <a:cubicBezTo>
                      <a:pt x="4831977" y="548344"/>
                      <a:pt x="4815942" y="564571"/>
                      <a:pt x="4796163" y="576765"/>
                    </a:cubicBezTo>
                    <a:cubicBezTo>
                      <a:pt x="4776672" y="588862"/>
                      <a:pt x="4758237" y="602401"/>
                      <a:pt x="4738843" y="614691"/>
                    </a:cubicBezTo>
                    <a:cubicBezTo>
                      <a:pt x="4719831" y="626693"/>
                      <a:pt x="4702645" y="639846"/>
                      <a:pt x="4692755" y="661162"/>
                    </a:cubicBezTo>
                    <a:cubicBezTo>
                      <a:pt x="4688339" y="670571"/>
                      <a:pt x="4682097" y="680845"/>
                      <a:pt x="4673744" y="686318"/>
                    </a:cubicBezTo>
                    <a:cubicBezTo>
                      <a:pt x="4661838" y="694095"/>
                      <a:pt x="4646764" y="696880"/>
                      <a:pt x="4633801" y="703505"/>
                    </a:cubicBezTo>
                    <a:cubicBezTo>
                      <a:pt x="4618535" y="711282"/>
                      <a:pt x="4600869" y="718003"/>
                      <a:pt x="4590499" y="730389"/>
                    </a:cubicBezTo>
                    <a:cubicBezTo>
                      <a:pt x="4581281" y="741431"/>
                      <a:pt x="4571968" y="750072"/>
                      <a:pt x="4559773" y="757081"/>
                    </a:cubicBezTo>
                    <a:cubicBezTo>
                      <a:pt x="4551229" y="761978"/>
                      <a:pt x="4544892" y="770907"/>
                      <a:pt x="4536059" y="774940"/>
                    </a:cubicBezTo>
                    <a:cubicBezTo>
                      <a:pt x="4524441" y="780317"/>
                      <a:pt x="4512727" y="784542"/>
                      <a:pt x="4502549" y="792895"/>
                    </a:cubicBezTo>
                    <a:cubicBezTo>
                      <a:pt x="4491987" y="801536"/>
                      <a:pt x="4479986" y="808353"/>
                      <a:pt x="4468944" y="816419"/>
                    </a:cubicBezTo>
                    <a:cubicBezTo>
                      <a:pt x="4463087" y="820739"/>
                      <a:pt x="4458286" y="826404"/>
                      <a:pt x="4452622" y="830917"/>
                    </a:cubicBezTo>
                    <a:cubicBezTo>
                      <a:pt x="4442252" y="839174"/>
                      <a:pt x="4431690" y="847239"/>
                      <a:pt x="4421032" y="855016"/>
                    </a:cubicBezTo>
                    <a:cubicBezTo>
                      <a:pt x="4410375" y="862794"/>
                      <a:pt x="4400197" y="871819"/>
                      <a:pt x="4388483" y="877484"/>
                    </a:cubicBezTo>
                    <a:cubicBezTo>
                      <a:pt x="4368513" y="887086"/>
                      <a:pt x="4346717" y="892847"/>
                      <a:pt x="4327321" y="903216"/>
                    </a:cubicBezTo>
                    <a:cubicBezTo>
                      <a:pt x="4307639" y="913777"/>
                      <a:pt x="4289107" y="927028"/>
                      <a:pt x="4271633" y="941046"/>
                    </a:cubicBezTo>
                    <a:cubicBezTo>
                      <a:pt x="4257807" y="952088"/>
                      <a:pt x="4244845" y="963034"/>
                      <a:pt x="4227465" y="968698"/>
                    </a:cubicBezTo>
                    <a:cubicBezTo>
                      <a:pt x="4217768" y="971867"/>
                      <a:pt x="4207591" y="978780"/>
                      <a:pt x="4201733" y="986846"/>
                    </a:cubicBezTo>
                    <a:cubicBezTo>
                      <a:pt x="4189059" y="1004416"/>
                      <a:pt x="4172833" y="1016802"/>
                      <a:pt x="4154494" y="1027364"/>
                    </a:cubicBezTo>
                    <a:cubicBezTo>
                      <a:pt x="4130010" y="1041574"/>
                      <a:pt x="4105814" y="1056072"/>
                      <a:pt x="4081234" y="1069994"/>
                    </a:cubicBezTo>
                    <a:cubicBezTo>
                      <a:pt x="4066737" y="1078252"/>
                      <a:pt x="4052335" y="1086989"/>
                      <a:pt x="4036971" y="1093038"/>
                    </a:cubicBezTo>
                    <a:cubicBezTo>
                      <a:pt x="4005575" y="1105520"/>
                      <a:pt x="3973410" y="1116177"/>
                      <a:pt x="3941725" y="1127796"/>
                    </a:cubicBezTo>
                    <a:cubicBezTo>
                      <a:pt x="3931355" y="1131540"/>
                      <a:pt x="3921561" y="1136917"/>
                      <a:pt x="3910999" y="1140182"/>
                    </a:cubicBezTo>
                    <a:cubicBezTo>
                      <a:pt x="3899573" y="1143734"/>
                      <a:pt x="3887285" y="1144790"/>
                      <a:pt x="3875859" y="1148343"/>
                    </a:cubicBezTo>
                    <a:cubicBezTo>
                      <a:pt x="3856847" y="1154199"/>
                      <a:pt x="3838412" y="1161689"/>
                      <a:pt x="3819401" y="1167642"/>
                    </a:cubicBezTo>
                    <a:cubicBezTo>
                      <a:pt x="3782723" y="1179068"/>
                      <a:pt x="3745949" y="1190014"/>
                      <a:pt x="3709176" y="1200863"/>
                    </a:cubicBezTo>
                    <a:cubicBezTo>
                      <a:pt x="3701303" y="1203168"/>
                      <a:pt x="3692757" y="1203456"/>
                      <a:pt x="3684981" y="1205952"/>
                    </a:cubicBezTo>
                    <a:cubicBezTo>
                      <a:pt x="3664337" y="1212673"/>
                      <a:pt x="3643789" y="1219970"/>
                      <a:pt x="3623338" y="1227363"/>
                    </a:cubicBezTo>
                    <a:cubicBezTo>
                      <a:pt x="3610953" y="1231876"/>
                      <a:pt x="3598854" y="1237445"/>
                      <a:pt x="3586373" y="1241765"/>
                    </a:cubicBezTo>
                    <a:cubicBezTo>
                      <a:pt x="3576387" y="1245222"/>
                      <a:pt x="3566113" y="1247910"/>
                      <a:pt x="3555743" y="1250023"/>
                    </a:cubicBezTo>
                    <a:cubicBezTo>
                      <a:pt x="3546814" y="1251848"/>
                      <a:pt x="3537501" y="1251655"/>
                      <a:pt x="3528667" y="1253864"/>
                    </a:cubicBezTo>
                    <a:cubicBezTo>
                      <a:pt x="3504759" y="1259816"/>
                      <a:pt x="3481140" y="1266538"/>
                      <a:pt x="3457424" y="1272874"/>
                    </a:cubicBezTo>
                    <a:cubicBezTo>
                      <a:pt x="3447919" y="1275371"/>
                      <a:pt x="3438221" y="1277196"/>
                      <a:pt x="3429003" y="1280364"/>
                    </a:cubicBezTo>
                    <a:cubicBezTo>
                      <a:pt x="3404327" y="1288717"/>
                      <a:pt x="3380036" y="1298222"/>
                      <a:pt x="3355264" y="1306096"/>
                    </a:cubicBezTo>
                    <a:cubicBezTo>
                      <a:pt x="3334717" y="1312625"/>
                      <a:pt x="3313593" y="1317329"/>
                      <a:pt x="3292757" y="1323090"/>
                    </a:cubicBezTo>
                    <a:cubicBezTo>
                      <a:pt x="3283924" y="1325587"/>
                      <a:pt x="3275475" y="1329140"/>
                      <a:pt x="3266643" y="1331251"/>
                    </a:cubicBezTo>
                    <a:cubicBezTo>
                      <a:pt x="3246863" y="1336053"/>
                      <a:pt x="3226796" y="1340085"/>
                      <a:pt x="3206921" y="1344886"/>
                    </a:cubicBezTo>
                    <a:cubicBezTo>
                      <a:pt x="3195590" y="1347670"/>
                      <a:pt x="3184645" y="1352663"/>
                      <a:pt x="3173123" y="1354488"/>
                    </a:cubicBezTo>
                    <a:cubicBezTo>
                      <a:pt x="3145759" y="1358808"/>
                      <a:pt x="3118203" y="1361880"/>
                      <a:pt x="3090646" y="1365337"/>
                    </a:cubicBezTo>
                    <a:cubicBezTo>
                      <a:pt x="3062227" y="1368889"/>
                      <a:pt x="3033902" y="1372634"/>
                      <a:pt x="3005480" y="1375802"/>
                    </a:cubicBezTo>
                    <a:cubicBezTo>
                      <a:pt x="2989926" y="1377435"/>
                      <a:pt x="2974275" y="1377723"/>
                      <a:pt x="2958721" y="1379259"/>
                    </a:cubicBezTo>
                    <a:cubicBezTo>
                      <a:pt x="2945087" y="1380604"/>
                      <a:pt x="2931549" y="1383100"/>
                      <a:pt x="2917915" y="1384733"/>
                    </a:cubicBezTo>
                    <a:cubicBezTo>
                      <a:pt x="2906105" y="1386076"/>
                      <a:pt x="2894199" y="1386844"/>
                      <a:pt x="2882389" y="1388189"/>
                    </a:cubicBezTo>
                    <a:cubicBezTo>
                      <a:pt x="2863475" y="1390397"/>
                      <a:pt x="2844655" y="1392894"/>
                      <a:pt x="2825837" y="1395198"/>
                    </a:cubicBezTo>
                    <a:cubicBezTo>
                      <a:pt x="2817964" y="1396062"/>
                      <a:pt x="2809706" y="1398462"/>
                      <a:pt x="2802313" y="1397023"/>
                    </a:cubicBezTo>
                    <a:cubicBezTo>
                      <a:pt x="2783686" y="1393373"/>
                      <a:pt x="2765347" y="1394430"/>
                      <a:pt x="2746816" y="1396926"/>
                    </a:cubicBezTo>
                    <a:cubicBezTo>
                      <a:pt x="2740479" y="1397791"/>
                      <a:pt x="2733662" y="1397598"/>
                      <a:pt x="2727517" y="1395966"/>
                    </a:cubicBezTo>
                    <a:cubicBezTo>
                      <a:pt x="2714939" y="1392701"/>
                      <a:pt x="2702745" y="1388092"/>
                      <a:pt x="2690359" y="1384060"/>
                    </a:cubicBezTo>
                    <a:cubicBezTo>
                      <a:pt x="2689014" y="1383580"/>
                      <a:pt x="2687382" y="1383484"/>
                      <a:pt x="2685943" y="1383196"/>
                    </a:cubicBezTo>
                    <a:cubicBezTo>
                      <a:pt x="2677781" y="1381563"/>
                      <a:pt x="2669717" y="1379931"/>
                      <a:pt x="2661554" y="1378491"/>
                    </a:cubicBezTo>
                    <a:cubicBezTo>
                      <a:pt x="2657138" y="1377723"/>
                      <a:pt x="2652625" y="1377627"/>
                      <a:pt x="2648208" y="1376955"/>
                    </a:cubicBezTo>
                    <a:cubicBezTo>
                      <a:pt x="2631118" y="1374266"/>
                      <a:pt x="2612299" y="1378779"/>
                      <a:pt x="2597512" y="1367162"/>
                    </a:cubicBezTo>
                    <a:cubicBezTo>
                      <a:pt x="2587911" y="1359672"/>
                      <a:pt x="2578597" y="1361401"/>
                      <a:pt x="2568324" y="1362553"/>
                    </a:cubicBezTo>
                    <a:cubicBezTo>
                      <a:pt x="2560547" y="1363417"/>
                      <a:pt x="2552577" y="1363128"/>
                      <a:pt x="2544704" y="1363225"/>
                    </a:cubicBezTo>
                    <a:cubicBezTo>
                      <a:pt x="2530878" y="1363512"/>
                      <a:pt x="2517052" y="1363609"/>
                      <a:pt x="2503225" y="1364089"/>
                    </a:cubicBezTo>
                    <a:cubicBezTo>
                      <a:pt x="2498808" y="1364281"/>
                      <a:pt x="2494297" y="1366682"/>
                      <a:pt x="2489975" y="1366298"/>
                    </a:cubicBezTo>
                    <a:cubicBezTo>
                      <a:pt x="2470004" y="1364473"/>
                      <a:pt x="2450033" y="1361592"/>
                      <a:pt x="2430061" y="1359960"/>
                    </a:cubicBezTo>
                    <a:cubicBezTo>
                      <a:pt x="2418732" y="1359001"/>
                      <a:pt x="2407114" y="1360824"/>
                      <a:pt x="2395880" y="1359480"/>
                    </a:cubicBezTo>
                    <a:cubicBezTo>
                      <a:pt x="2382919" y="1357944"/>
                      <a:pt x="2370245" y="1354008"/>
                      <a:pt x="2357378" y="1351607"/>
                    </a:cubicBezTo>
                    <a:cubicBezTo>
                      <a:pt x="2353826" y="1350935"/>
                      <a:pt x="2349889" y="1351799"/>
                      <a:pt x="2346145" y="1351991"/>
                    </a:cubicBezTo>
                    <a:cubicBezTo>
                      <a:pt x="2341920" y="1352183"/>
                      <a:pt x="2337791" y="1352567"/>
                      <a:pt x="2333567" y="1352663"/>
                    </a:cubicBezTo>
                    <a:cubicBezTo>
                      <a:pt x="2320700" y="1352856"/>
                      <a:pt x="2307835" y="1352567"/>
                      <a:pt x="2294968" y="1353240"/>
                    </a:cubicBezTo>
                    <a:cubicBezTo>
                      <a:pt x="2287095" y="1353624"/>
                      <a:pt x="2278839" y="1357560"/>
                      <a:pt x="2271540" y="1356120"/>
                    </a:cubicBezTo>
                    <a:cubicBezTo>
                      <a:pt x="2256659" y="1353335"/>
                      <a:pt x="2241776" y="1359576"/>
                      <a:pt x="2226895" y="1354392"/>
                    </a:cubicBezTo>
                    <a:cubicBezTo>
                      <a:pt x="2222285" y="1352856"/>
                      <a:pt x="2215948" y="1356696"/>
                      <a:pt x="2210379" y="1356888"/>
                    </a:cubicBezTo>
                    <a:cubicBezTo>
                      <a:pt x="2196457" y="1357368"/>
                      <a:pt x="2182535" y="1357272"/>
                      <a:pt x="2168613" y="1357176"/>
                    </a:cubicBezTo>
                    <a:cubicBezTo>
                      <a:pt x="2156131" y="1357080"/>
                      <a:pt x="2143168" y="1358424"/>
                      <a:pt x="2131167" y="1355736"/>
                    </a:cubicBezTo>
                    <a:cubicBezTo>
                      <a:pt x="2118588" y="1352856"/>
                      <a:pt x="2107259" y="1353240"/>
                      <a:pt x="2095065" y="1356504"/>
                    </a:cubicBezTo>
                    <a:cubicBezTo>
                      <a:pt x="2086711" y="1358712"/>
                      <a:pt x="2077878" y="1359001"/>
                      <a:pt x="2069237" y="1359672"/>
                    </a:cubicBezTo>
                    <a:cubicBezTo>
                      <a:pt x="2059924" y="1360440"/>
                      <a:pt x="2049650" y="1358424"/>
                      <a:pt x="2041201" y="1361592"/>
                    </a:cubicBezTo>
                    <a:cubicBezTo>
                      <a:pt x="2016044" y="1371002"/>
                      <a:pt x="1990216" y="1373018"/>
                      <a:pt x="1963909" y="1373018"/>
                    </a:cubicBezTo>
                    <a:cubicBezTo>
                      <a:pt x="1959107" y="1373018"/>
                      <a:pt x="1954210" y="1371675"/>
                      <a:pt x="1949603" y="1370234"/>
                    </a:cubicBezTo>
                    <a:cubicBezTo>
                      <a:pt x="1922717" y="1361592"/>
                      <a:pt x="1895737" y="1362360"/>
                      <a:pt x="1868373" y="1367641"/>
                    </a:cubicBezTo>
                    <a:cubicBezTo>
                      <a:pt x="1862708" y="1368794"/>
                      <a:pt x="1856372" y="1368986"/>
                      <a:pt x="1850707" y="1367834"/>
                    </a:cubicBezTo>
                    <a:cubicBezTo>
                      <a:pt x="1834768" y="1364473"/>
                      <a:pt x="1819309" y="1358904"/>
                      <a:pt x="1803275" y="1356504"/>
                    </a:cubicBezTo>
                    <a:cubicBezTo>
                      <a:pt x="1776775" y="1352567"/>
                      <a:pt x="1753828" y="1365817"/>
                      <a:pt x="1730112" y="1374459"/>
                    </a:cubicBezTo>
                    <a:cubicBezTo>
                      <a:pt x="1707548" y="1382620"/>
                      <a:pt x="1688345" y="1401055"/>
                      <a:pt x="1661652" y="1396926"/>
                    </a:cubicBezTo>
                    <a:cubicBezTo>
                      <a:pt x="1658965" y="1396542"/>
                      <a:pt x="1655988" y="1399134"/>
                      <a:pt x="1653011" y="1399807"/>
                    </a:cubicBezTo>
                    <a:cubicBezTo>
                      <a:pt x="1644850" y="1401631"/>
                      <a:pt x="1636689" y="1403839"/>
                      <a:pt x="1628431" y="1404704"/>
                    </a:cubicBezTo>
                    <a:cubicBezTo>
                      <a:pt x="1618350" y="1405856"/>
                      <a:pt x="1608076" y="1405472"/>
                      <a:pt x="1597995" y="1406432"/>
                    </a:cubicBezTo>
                    <a:cubicBezTo>
                      <a:pt x="1585032" y="1407584"/>
                      <a:pt x="1572263" y="1410656"/>
                      <a:pt x="1559396" y="1410656"/>
                    </a:cubicBezTo>
                    <a:cubicBezTo>
                      <a:pt x="1549026" y="1410656"/>
                      <a:pt x="1538753" y="1407104"/>
                      <a:pt x="1528480" y="1405375"/>
                    </a:cubicBezTo>
                    <a:cubicBezTo>
                      <a:pt x="1513981" y="1402975"/>
                      <a:pt x="1498042" y="1403647"/>
                      <a:pt x="1485272" y="1397502"/>
                    </a:cubicBezTo>
                    <a:cubicBezTo>
                      <a:pt x="1471639" y="1390973"/>
                      <a:pt x="1458676" y="1387997"/>
                      <a:pt x="1444562" y="1390013"/>
                    </a:cubicBezTo>
                    <a:cubicBezTo>
                      <a:pt x="1439857" y="1390685"/>
                      <a:pt x="1433808" y="1394718"/>
                      <a:pt x="1431696" y="1398846"/>
                    </a:cubicBezTo>
                    <a:cubicBezTo>
                      <a:pt x="1426991" y="1408064"/>
                      <a:pt x="1420559" y="1409697"/>
                      <a:pt x="1411821" y="1406527"/>
                    </a:cubicBezTo>
                    <a:cubicBezTo>
                      <a:pt x="1404236" y="1403839"/>
                      <a:pt x="1394922" y="1402495"/>
                      <a:pt x="1389738" y="1397310"/>
                    </a:cubicBezTo>
                    <a:cubicBezTo>
                      <a:pt x="1375047" y="1382620"/>
                      <a:pt x="1356324" y="1382140"/>
                      <a:pt x="1338081" y="1378204"/>
                    </a:cubicBezTo>
                    <a:cubicBezTo>
                      <a:pt x="1326945" y="1375802"/>
                      <a:pt x="1316574" y="1375707"/>
                      <a:pt x="1305436" y="1377339"/>
                    </a:cubicBezTo>
                    <a:cubicBezTo>
                      <a:pt x="1281241" y="1380988"/>
                      <a:pt x="1257717" y="1375802"/>
                      <a:pt x="1234481" y="1369178"/>
                    </a:cubicBezTo>
                    <a:cubicBezTo>
                      <a:pt x="1219118" y="1364761"/>
                      <a:pt x="1203372" y="1362073"/>
                      <a:pt x="1188106" y="1357560"/>
                    </a:cubicBezTo>
                    <a:cubicBezTo>
                      <a:pt x="1176680" y="1354104"/>
                      <a:pt x="1165255" y="1349975"/>
                      <a:pt x="1154790" y="1344406"/>
                    </a:cubicBezTo>
                    <a:cubicBezTo>
                      <a:pt x="1139618" y="1336244"/>
                      <a:pt x="1126369" y="1323954"/>
                      <a:pt x="1107069" y="1327219"/>
                    </a:cubicBezTo>
                    <a:cubicBezTo>
                      <a:pt x="1090074" y="1330099"/>
                      <a:pt x="1074713" y="1324051"/>
                      <a:pt x="1059158" y="1318290"/>
                    </a:cubicBezTo>
                    <a:cubicBezTo>
                      <a:pt x="1047732" y="1314065"/>
                      <a:pt x="1036308" y="1309744"/>
                      <a:pt x="1024496" y="1307056"/>
                    </a:cubicBezTo>
                    <a:cubicBezTo>
                      <a:pt x="1010478" y="1303887"/>
                      <a:pt x="994635" y="1305232"/>
                      <a:pt x="982153" y="1299374"/>
                    </a:cubicBezTo>
                    <a:cubicBezTo>
                      <a:pt x="969095" y="1293229"/>
                      <a:pt x="958246" y="1297358"/>
                      <a:pt x="946628" y="1299087"/>
                    </a:cubicBezTo>
                    <a:cubicBezTo>
                      <a:pt x="928097" y="1301775"/>
                      <a:pt x="909661" y="1306768"/>
                      <a:pt x="890939" y="1300431"/>
                    </a:cubicBezTo>
                    <a:cubicBezTo>
                      <a:pt x="868184" y="1292750"/>
                      <a:pt x="845620" y="1284493"/>
                      <a:pt x="822769" y="1277196"/>
                    </a:cubicBezTo>
                    <a:cubicBezTo>
                      <a:pt x="813934" y="1274410"/>
                      <a:pt x="804431" y="1273258"/>
                      <a:pt x="795212" y="1272010"/>
                    </a:cubicBezTo>
                    <a:cubicBezTo>
                      <a:pt x="786476" y="1270954"/>
                      <a:pt x="776010" y="1273642"/>
                      <a:pt x="769288" y="1269610"/>
                    </a:cubicBezTo>
                    <a:cubicBezTo>
                      <a:pt x="752005" y="1259241"/>
                      <a:pt x="734243" y="1254152"/>
                      <a:pt x="714271" y="1254152"/>
                    </a:cubicBezTo>
                    <a:cubicBezTo>
                      <a:pt x="706781" y="1254152"/>
                      <a:pt x="699484" y="1249831"/>
                      <a:pt x="691900" y="1249062"/>
                    </a:cubicBezTo>
                    <a:cubicBezTo>
                      <a:pt x="681529" y="1248103"/>
                      <a:pt x="669623" y="1245510"/>
                      <a:pt x="660598" y="1249159"/>
                    </a:cubicBezTo>
                    <a:cubicBezTo>
                      <a:pt x="639379" y="1257800"/>
                      <a:pt x="622193" y="1250599"/>
                      <a:pt x="603662" y="1242054"/>
                    </a:cubicBezTo>
                    <a:cubicBezTo>
                      <a:pt x="585418" y="1233604"/>
                      <a:pt x="566215" y="1226884"/>
                      <a:pt x="546821" y="1221314"/>
                    </a:cubicBezTo>
                    <a:cubicBezTo>
                      <a:pt x="539524" y="1219298"/>
                      <a:pt x="530787" y="1222659"/>
                      <a:pt x="522721" y="1223330"/>
                    </a:cubicBezTo>
                    <a:cubicBezTo>
                      <a:pt x="519840" y="1223523"/>
                      <a:pt x="516671" y="1223811"/>
                      <a:pt x="514080" y="1222851"/>
                    </a:cubicBezTo>
                    <a:cubicBezTo>
                      <a:pt x="489020" y="1213633"/>
                      <a:pt x="463575" y="1206624"/>
                      <a:pt x="436404" y="1211424"/>
                    </a:cubicBezTo>
                    <a:cubicBezTo>
                      <a:pt x="433908" y="1211905"/>
                      <a:pt x="431123" y="1210849"/>
                      <a:pt x="428626" y="1210177"/>
                    </a:cubicBezTo>
                    <a:cubicBezTo>
                      <a:pt x="416432" y="1206720"/>
                      <a:pt x="404526" y="1201247"/>
                      <a:pt x="392141" y="1199999"/>
                    </a:cubicBezTo>
                    <a:cubicBezTo>
                      <a:pt x="361608" y="1196927"/>
                      <a:pt x="330884" y="1195678"/>
                      <a:pt x="300157" y="1193662"/>
                    </a:cubicBezTo>
                    <a:cubicBezTo>
                      <a:pt x="298237" y="1193566"/>
                      <a:pt x="296221" y="1193566"/>
                      <a:pt x="294493" y="1192894"/>
                    </a:cubicBezTo>
                    <a:cubicBezTo>
                      <a:pt x="283163" y="1188765"/>
                      <a:pt x="273274" y="1190110"/>
                      <a:pt x="263671" y="1197982"/>
                    </a:cubicBezTo>
                    <a:cubicBezTo>
                      <a:pt x="259447" y="1201439"/>
                      <a:pt x="253686" y="1203263"/>
                      <a:pt x="248406" y="1205184"/>
                    </a:cubicBezTo>
                    <a:cubicBezTo>
                      <a:pt x="240628" y="1208065"/>
                      <a:pt x="232659" y="1210849"/>
                      <a:pt x="224594" y="1212673"/>
                    </a:cubicBezTo>
                    <a:cubicBezTo>
                      <a:pt x="216624" y="1214401"/>
                      <a:pt x="208079" y="1216801"/>
                      <a:pt x="200398" y="1215458"/>
                    </a:cubicBezTo>
                    <a:cubicBezTo>
                      <a:pt x="186572" y="1213057"/>
                      <a:pt x="173417" y="1207681"/>
                      <a:pt x="159783" y="1204127"/>
                    </a:cubicBezTo>
                    <a:cubicBezTo>
                      <a:pt x="155079" y="1202879"/>
                      <a:pt x="149893" y="1203072"/>
                      <a:pt x="144997" y="1202975"/>
                    </a:cubicBezTo>
                    <a:cubicBezTo>
                      <a:pt x="133763" y="1202688"/>
                      <a:pt x="122241" y="1205472"/>
                      <a:pt x="112064" y="1197503"/>
                    </a:cubicBezTo>
                    <a:cubicBezTo>
                      <a:pt x="102655" y="1190014"/>
                      <a:pt x="93148" y="1192221"/>
                      <a:pt x="83259" y="1197887"/>
                    </a:cubicBezTo>
                    <a:cubicBezTo>
                      <a:pt x="76154" y="1201920"/>
                      <a:pt x="68090" y="1205088"/>
                      <a:pt x="60120" y="1206624"/>
                    </a:cubicBezTo>
                    <a:cubicBezTo>
                      <a:pt x="49174" y="1208736"/>
                      <a:pt x="38324" y="1209601"/>
                      <a:pt x="26514" y="1208352"/>
                    </a:cubicBezTo>
                    <a:cubicBezTo>
                      <a:pt x="18161" y="1207488"/>
                      <a:pt x="11343" y="1207104"/>
                      <a:pt x="4814" y="1202015"/>
                    </a:cubicBezTo>
                    <a:cubicBezTo>
                      <a:pt x="3759" y="1201247"/>
                      <a:pt x="1839" y="1201055"/>
                      <a:pt x="398" y="1201152"/>
                    </a:cubicBezTo>
                    <a:lnTo>
                      <a:pt x="0" y="1201150"/>
                    </a:lnTo>
                    <a:lnTo>
                      <a:pt x="0" y="1004512"/>
                    </a:lnTo>
                    <a:lnTo>
                      <a:pt x="30355" y="1002784"/>
                    </a:lnTo>
                    <a:cubicBezTo>
                      <a:pt x="37748" y="1002111"/>
                      <a:pt x="44853" y="999520"/>
                      <a:pt x="52151" y="997695"/>
                    </a:cubicBezTo>
                    <a:cubicBezTo>
                      <a:pt x="56183" y="996639"/>
                      <a:pt x="60504" y="993855"/>
                      <a:pt x="64248" y="994430"/>
                    </a:cubicBezTo>
                    <a:cubicBezTo>
                      <a:pt x="85948" y="997791"/>
                      <a:pt x="105823" y="989534"/>
                      <a:pt x="126370" y="985405"/>
                    </a:cubicBezTo>
                    <a:cubicBezTo>
                      <a:pt x="135876" y="983485"/>
                      <a:pt x="144805" y="978876"/>
                      <a:pt x="154022" y="975708"/>
                    </a:cubicBezTo>
                    <a:cubicBezTo>
                      <a:pt x="156423" y="974843"/>
                      <a:pt x="159111" y="974075"/>
                      <a:pt x="161512" y="974268"/>
                    </a:cubicBezTo>
                    <a:cubicBezTo>
                      <a:pt x="175242" y="975420"/>
                      <a:pt x="188876" y="977052"/>
                      <a:pt x="202510" y="978300"/>
                    </a:cubicBezTo>
                    <a:cubicBezTo>
                      <a:pt x="214896" y="979452"/>
                      <a:pt x="227378" y="979836"/>
                      <a:pt x="233235" y="993950"/>
                    </a:cubicBezTo>
                    <a:cubicBezTo>
                      <a:pt x="234100" y="996159"/>
                      <a:pt x="236979" y="997791"/>
                      <a:pt x="239188" y="999231"/>
                    </a:cubicBezTo>
                    <a:cubicBezTo>
                      <a:pt x="273274" y="1021411"/>
                      <a:pt x="291516" y="1020835"/>
                      <a:pt x="324834" y="997407"/>
                    </a:cubicBezTo>
                    <a:cubicBezTo>
                      <a:pt x="328290" y="995007"/>
                      <a:pt x="335683" y="993278"/>
                      <a:pt x="337987" y="995198"/>
                    </a:cubicBezTo>
                    <a:cubicBezTo>
                      <a:pt x="357575" y="1011137"/>
                      <a:pt x="378986" y="1009409"/>
                      <a:pt x="401550" y="1004416"/>
                    </a:cubicBezTo>
                    <a:cubicBezTo>
                      <a:pt x="407407" y="1003072"/>
                      <a:pt x="415664" y="1003072"/>
                      <a:pt x="420081" y="1006240"/>
                    </a:cubicBezTo>
                    <a:cubicBezTo>
                      <a:pt x="441108" y="1020930"/>
                      <a:pt x="463672" y="1018819"/>
                      <a:pt x="486523" y="1014498"/>
                    </a:cubicBezTo>
                    <a:cubicBezTo>
                      <a:pt x="490075" y="1013826"/>
                      <a:pt x="494397" y="1010177"/>
                      <a:pt x="495932" y="1006817"/>
                    </a:cubicBezTo>
                    <a:cubicBezTo>
                      <a:pt x="501406" y="994911"/>
                      <a:pt x="511680" y="990878"/>
                      <a:pt x="523009" y="987517"/>
                    </a:cubicBezTo>
                    <a:cubicBezTo>
                      <a:pt x="540868" y="982044"/>
                      <a:pt x="558438" y="975611"/>
                      <a:pt x="576393" y="970427"/>
                    </a:cubicBezTo>
                    <a:cubicBezTo>
                      <a:pt x="580811" y="969179"/>
                      <a:pt x="586283" y="969947"/>
                      <a:pt x="590892" y="971387"/>
                    </a:cubicBezTo>
                    <a:cubicBezTo>
                      <a:pt x="606638" y="976284"/>
                      <a:pt x="616624" y="988574"/>
                      <a:pt x="627569" y="999904"/>
                    </a:cubicBezTo>
                    <a:cubicBezTo>
                      <a:pt x="632370" y="1004897"/>
                      <a:pt x="638995" y="1008449"/>
                      <a:pt x="645429" y="1011329"/>
                    </a:cubicBezTo>
                    <a:cubicBezTo>
                      <a:pt x="662135" y="1018723"/>
                      <a:pt x="679226" y="1025348"/>
                      <a:pt x="696125" y="1032356"/>
                    </a:cubicBezTo>
                    <a:cubicBezTo>
                      <a:pt x="697757" y="1033029"/>
                      <a:pt x="699100" y="1034757"/>
                      <a:pt x="700349" y="1036197"/>
                    </a:cubicBezTo>
                    <a:cubicBezTo>
                      <a:pt x="712831" y="1051368"/>
                      <a:pt x="725216" y="1066634"/>
                      <a:pt x="737795" y="1081804"/>
                    </a:cubicBezTo>
                    <a:cubicBezTo>
                      <a:pt x="740195" y="1084684"/>
                      <a:pt x="743652" y="1086797"/>
                      <a:pt x="746244" y="1089581"/>
                    </a:cubicBezTo>
                    <a:cubicBezTo>
                      <a:pt x="749893" y="1093422"/>
                      <a:pt x="754502" y="1097071"/>
                      <a:pt x="756422" y="1101680"/>
                    </a:cubicBezTo>
                    <a:cubicBezTo>
                      <a:pt x="762374" y="1116177"/>
                      <a:pt x="773801" y="1122419"/>
                      <a:pt x="788202" y="1125108"/>
                    </a:cubicBezTo>
                    <a:cubicBezTo>
                      <a:pt x="801357" y="1127603"/>
                      <a:pt x="814511" y="1129716"/>
                      <a:pt x="827569" y="1132596"/>
                    </a:cubicBezTo>
                    <a:cubicBezTo>
                      <a:pt x="843507" y="1136053"/>
                      <a:pt x="859350" y="1139798"/>
                      <a:pt x="875097" y="1144022"/>
                    </a:cubicBezTo>
                    <a:cubicBezTo>
                      <a:pt x="881913" y="1145847"/>
                      <a:pt x="889115" y="1147959"/>
                      <a:pt x="894972" y="1151704"/>
                    </a:cubicBezTo>
                    <a:cubicBezTo>
                      <a:pt x="911390" y="1162073"/>
                      <a:pt x="928961" y="1169082"/>
                      <a:pt x="948260" y="1166298"/>
                    </a:cubicBezTo>
                    <a:cubicBezTo>
                      <a:pt x="963718" y="1164089"/>
                      <a:pt x="976680" y="1169754"/>
                      <a:pt x="986282" y="1178588"/>
                    </a:cubicBezTo>
                    <a:cubicBezTo>
                      <a:pt x="1003757" y="1194623"/>
                      <a:pt x="1022479" y="1190973"/>
                      <a:pt x="1041107" y="1185789"/>
                    </a:cubicBezTo>
                    <a:cubicBezTo>
                      <a:pt x="1050708" y="1183101"/>
                      <a:pt x="1058581" y="1183485"/>
                      <a:pt x="1067703" y="1186076"/>
                    </a:cubicBezTo>
                    <a:cubicBezTo>
                      <a:pt x="1088826" y="1192126"/>
                      <a:pt x="1102941" y="1208544"/>
                      <a:pt x="1116574" y="1222946"/>
                    </a:cubicBezTo>
                    <a:cubicBezTo>
                      <a:pt x="1128193" y="1235236"/>
                      <a:pt x="1141251" y="1242149"/>
                      <a:pt x="1155557" y="1247335"/>
                    </a:cubicBezTo>
                    <a:cubicBezTo>
                      <a:pt x="1173608" y="1253959"/>
                      <a:pt x="1187914" y="1251464"/>
                      <a:pt x="1196556" y="1235525"/>
                    </a:cubicBezTo>
                    <a:cubicBezTo>
                      <a:pt x="1198956" y="1231012"/>
                      <a:pt x="1203180" y="1225730"/>
                      <a:pt x="1207693" y="1224387"/>
                    </a:cubicBezTo>
                    <a:cubicBezTo>
                      <a:pt x="1229488" y="1217666"/>
                      <a:pt x="1251572" y="1207872"/>
                      <a:pt x="1274904" y="1213826"/>
                    </a:cubicBezTo>
                    <a:cubicBezTo>
                      <a:pt x="1307165" y="1221987"/>
                      <a:pt x="1338658" y="1221507"/>
                      <a:pt x="1370919" y="1213442"/>
                    </a:cubicBezTo>
                    <a:cubicBezTo>
                      <a:pt x="1423247" y="1200383"/>
                      <a:pt x="1475575" y="1186557"/>
                      <a:pt x="1530593" y="1189437"/>
                    </a:cubicBezTo>
                    <a:cubicBezTo>
                      <a:pt x="1539713" y="1189917"/>
                      <a:pt x="1550563" y="1184060"/>
                      <a:pt x="1558436" y="1178299"/>
                    </a:cubicBezTo>
                    <a:cubicBezTo>
                      <a:pt x="1573511" y="1167354"/>
                      <a:pt x="1572838" y="1166489"/>
                      <a:pt x="1589737" y="1175515"/>
                    </a:cubicBezTo>
                    <a:cubicBezTo>
                      <a:pt x="1593770" y="1177724"/>
                      <a:pt x="1598763" y="1179068"/>
                      <a:pt x="1601740" y="1182333"/>
                    </a:cubicBezTo>
                    <a:cubicBezTo>
                      <a:pt x="1616909" y="1198943"/>
                      <a:pt x="1635633" y="1194910"/>
                      <a:pt x="1654259" y="1192510"/>
                    </a:cubicBezTo>
                    <a:cubicBezTo>
                      <a:pt x="1657524" y="1192030"/>
                      <a:pt x="1661460" y="1191358"/>
                      <a:pt x="1664246" y="1192702"/>
                    </a:cubicBezTo>
                    <a:cubicBezTo>
                      <a:pt x="1676823" y="1198750"/>
                      <a:pt x="1687481" y="1196639"/>
                      <a:pt x="1698427" y="1188381"/>
                    </a:cubicBezTo>
                    <a:cubicBezTo>
                      <a:pt x="1707932" y="1181276"/>
                      <a:pt x="1718878" y="1177052"/>
                      <a:pt x="1730112" y="1185885"/>
                    </a:cubicBezTo>
                    <a:cubicBezTo>
                      <a:pt x="1755076" y="1205472"/>
                      <a:pt x="1781767" y="1206432"/>
                      <a:pt x="1809996" y="1194046"/>
                    </a:cubicBezTo>
                    <a:cubicBezTo>
                      <a:pt x="1830159" y="1185213"/>
                      <a:pt x="1850034" y="1183196"/>
                      <a:pt x="1871254" y="1192126"/>
                    </a:cubicBezTo>
                    <a:cubicBezTo>
                      <a:pt x="1879415" y="1195582"/>
                      <a:pt x="1889977" y="1193278"/>
                      <a:pt x="1899482" y="1194046"/>
                    </a:cubicBezTo>
                    <a:cubicBezTo>
                      <a:pt x="1904859" y="1194430"/>
                      <a:pt x="1910813" y="1194526"/>
                      <a:pt x="1915420" y="1196927"/>
                    </a:cubicBezTo>
                    <a:cubicBezTo>
                      <a:pt x="1927711" y="1203072"/>
                      <a:pt x="1939136" y="1210945"/>
                      <a:pt x="1951522" y="1216994"/>
                    </a:cubicBezTo>
                    <a:cubicBezTo>
                      <a:pt x="1957475" y="1219874"/>
                      <a:pt x="1964580" y="1221410"/>
                      <a:pt x="1971302" y="1221507"/>
                    </a:cubicBezTo>
                    <a:cubicBezTo>
                      <a:pt x="1991177" y="1221987"/>
                      <a:pt x="2011052" y="1221987"/>
                      <a:pt x="2030831" y="1221123"/>
                    </a:cubicBezTo>
                    <a:cubicBezTo>
                      <a:pt x="2063476" y="1219778"/>
                      <a:pt x="2096601" y="1219490"/>
                      <a:pt x="2120125" y="1190878"/>
                    </a:cubicBezTo>
                    <a:cubicBezTo>
                      <a:pt x="2122046" y="1188573"/>
                      <a:pt x="2126174" y="1187229"/>
                      <a:pt x="2129439" y="1186845"/>
                    </a:cubicBezTo>
                    <a:cubicBezTo>
                      <a:pt x="2144513" y="1185021"/>
                      <a:pt x="2159971" y="1184828"/>
                      <a:pt x="2174854" y="1181852"/>
                    </a:cubicBezTo>
                    <a:cubicBezTo>
                      <a:pt x="2186760" y="1179452"/>
                      <a:pt x="2196650" y="1180220"/>
                      <a:pt x="2205674" y="1188669"/>
                    </a:cubicBezTo>
                    <a:cubicBezTo>
                      <a:pt x="2217485" y="1199807"/>
                      <a:pt x="2231887" y="1206336"/>
                      <a:pt x="2247634" y="1202784"/>
                    </a:cubicBezTo>
                    <a:cubicBezTo>
                      <a:pt x="2263379" y="1199327"/>
                      <a:pt x="2273749" y="1206816"/>
                      <a:pt x="2285367" y="1214594"/>
                    </a:cubicBezTo>
                    <a:cubicBezTo>
                      <a:pt x="2293817" y="1220258"/>
                      <a:pt x="2303418" y="1227363"/>
                      <a:pt x="2312827" y="1227939"/>
                    </a:cubicBezTo>
                    <a:cubicBezTo>
                      <a:pt x="2334143" y="1229187"/>
                      <a:pt x="2352482" y="1248967"/>
                      <a:pt x="2375622" y="1237733"/>
                    </a:cubicBezTo>
                    <a:cubicBezTo>
                      <a:pt x="2377158" y="1236965"/>
                      <a:pt x="2379942" y="1238885"/>
                      <a:pt x="2382151" y="1239365"/>
                    </a:cubicBezTo>
                    <a:cubicBezTo>
                      <a:pt x="2399817" y="1243014"/>
                      <a:pt x="2416428" y="1239461"/>
                      <a:pt x="2429390" y="1227459"/>
                    </a:cubicBezTo>
                    <a:cubicBezTo>
                      <a:pt x="2446385" y="1211809"/>
                      <a:pt x="2465203" y="1210272"/>
                      <a:pt x="2486134" y="1215362"/>
                    </a:cubicBezTo>
                    <a:cubicBezTo>
                      <a:pt x="2492856" y="1216994"/>
                      <a:pt x="2499577" y="1218146"/>
                      <a:pt x="2506394" y="1219490"/>
                    </a:cubicBezTo>
                    <a:cubicBezTo>
                      <a:pt x="2515611" y="1221410"/>
                      <a:pt x="2524925" y="1223427"/>
                      <a:pt x="2534142" y="1225347"/>
                    </a:cubicBezTo>
                    <a:cubicBezTo>
                      <a:pt x="2543072" y="1227268"/>
                      <a:pt x="2552962" y="1230532"/>
                      <a:pt x="2559874" y="1222275"/>
                    </a:cubicBezTo>
                    <a:cubicBezTo>
                      <a:pt x="2565827" y="1215169"/>
                      <a:pt x="2570052" y="1215842"/>
                      <a:pt x="2575525" y="1221987"/>
                    </a:cubicBezTo>
                    <a:cubicBezTo>
                      <a:pt x="2594536" y="1243494"/>
                      <a:pt x="2617580" y="1256936"/>
                      <a:pt x="2646960" y="1257896"/>
                    </a:cubicBezTo>
                    <a:cubicBezTo>
                      <a:pt x="2653009" y="1258088"/>
                      <a:pt x="2659154" y="1259432"/>
                      <a:pt x="2665107" y="1260873"/>
                    </a:cubicBezTo>
                    <a:cubicBezTo>
                      <a:pt x="2668756" y="1261736"/>
                      <a:pt x="2673173" y="1262697"/>
                      <a:pt x="2675381" y="1265290"/>
                    </a:cubicBezTo>
                    <a:cubicBezTo>
                      <a:pt x="2692567" y="1285068"/>
                      <a:pt x="2713979" y="1298799"/>
                      <a:pt x="2737311" y="1309841"/>
                    </a:cubicBezTo>
                    <a:cubicBezTo>
                      <a:pt x="2745664" y="1313777"/>
                      <a:pt x="2754594" y="1317713"/>
                      <a:pt x="2763619" y="1318866"/>
                    </a:cubicBezTo>
                    <a:cubicBezTo>
                      <a:pt x="2773028" y="1320018"/>
                      <a:pt x="2782917" y="1318098"/>
                      <a:pt x="2792519" y="1317041"/>
                    </a:cubicBezTo>
                    <a:cubicBezTo>
                      <a:pt x="2798184" y="1316466"/>
                      <a:pt x="2804713" y="1316561"/>
                      <a:pt x="2809226" y="1313777"/>
                    </a:cubicBezTo>
                    <a:cubicBezTo>
                      <a:pt x="2823532" y="1305039"/>
                      <a:pt x="2837358" y="1295631"/>
                      <a:pt x="2850705" y="1285452"/>
                    </a:cubicBezTo>
                    <a:cubicBezTo>
                      <a:pt x="2862131" y="1276715"/>
                      <a:pt x="2864435" y="1275467"/>
                      <a:pt x="2874324" y="1286413"/>
                    </a:cubicBezTo>
                    <a:cubicBezTo>
                      <a:pt x="2884502" y="1297647"/>
                      <a:pt x="2897176" y="1303503"/>
                      <a:pt x="2911194" y="1305903"/>
                    </a:cubicBezTo>
                    <a:cubicBezTo>
                      <a:pt x="2933373" y="1309648"/>
                      <a:pt x="2955745" y="1312816"/>
                      <a:pt x="2978116" y="1314641"/>
                    </a:cubicBezTo>
                    <a:cubicBezTo>
                      <a:pt x="2998375" y="1316273"/>
                      <a:pt x="3008073" y="1307440"/>
                      <a:pt x="3012106" y="1287373"/>
                    </a:cubicBezTo>
                    <a:cubicBezTo>
                      <a:pt x="3014410" y="1276235"/>
                      <a:pt x="3017387" y="1264137"/>
                      <a:pt x="3029676" y="1261161"/>
                    </a:cubicBezTo>
                    <a:cubicBezTo>
                      <a:pt x="3049744" y="1256360"/>
                      <a:pt x="3070579" y="1254248"/>
                      <a:pt x="3080469" y="1230724"/>
                    </a:cubicBezTo>
                    <a:cubicBezTo>
                      <a:pt x="3085941" y="1235909"/>
                      <a:pt x="3089302" y="1238981"/>
                      <a:pt x="3092567" y="1242054"/>
                    </a:cubicBezTo>
                    <a:cubicBezTo>
                      <a:pt x="3101592" y="1250599"/>
                      <a:pt x="3120314" y="1254248"/>
                      <a:pt x="3129821" y="1246855"/>
                    </a:cubicBezTo>
                    <a:cubicBezTo>
                      <a:pt x="3143839" y="1236101"/>
                      <a:pt x="3156705" y="1238117"/>
                      <a:pt x="3170147" y="1246471"/>
                    </a:cubicBezTo>
                    <a:cubicBezTo>
                      <a:pt x="3192615" y="1260297"/>
                      <a:pt x="3217674" y="1257128"/>
                      <a:pt x="3240429" y="1251559"/>
                    </a:cubicBezTo>
                    <a:cubicBezTo>
                      <a:pt x="3257617" y="1247430"/>
                      <a:pt x="3275956" y="1239845"/>
                      <a:pt x="3287189" y="1222466"/>
                    </a:cubicBezTo>
                    <a:cubicBezTo>
                      <a:pt x="3290741" y="1216898"/>
                      <a:pt x="3298711" y="1214113"/>
                      <a:pt x="3305049" y="1210465"/>
                    </a:cubicBezTo>
                    <a:cubicBezTo>
                      <a:pt x="3310329" y="1207488"/>
                      <a:pt x="3315898" y="1204704"/>
                      <a:pt x="3321755" y="1202784"/>
                    </a:cubicBezTo>
                    <a:cubicBezTo>
                      <a:pt x="3327995" y="1200671"/>
                      <a:pt x="3334909" y="1197598"/>
                      <a:pt x="3341055" y="1198463"/>
                    </a:cubicBezTo>
                    <a:cubicBezTo>
                      <a:pt x="3359681" y="1200959"/>
                      <a:pt x="3374467" y="1196062"/>
                      <a:pt x="3387621" y="1182140"/>
                    </a:cubicBezTo>
                    <a:cubicBezTo>
                      <a:pt x="3394439" y="1174939"/>
                      <a:pt x="3404520" y="1166202"/>
                      <a:pt x="3413161" y="1166105"/>
                    </a:cubicBezTo>
                    <a:cubicBezTo>
                      <a:pt x="3434189" y="1165818"/>
                      <a:pt x="3451663" y="1158905"/>
                      <a:pt x="3470579" y="1150647"/>
                    </a:cubicBezTo>
                    <a:cubicBezTo>
                      <a:pt x="3482772" y="1145366"/>
                      <a:pt x="3496598" y="1141718"/>
                      <a:pt x="3509657" y="1136821"/>
                    </a:cubicBezTo>
                    <a:cubicBezTo>
                      <a:pt x="3524923" y="1131060"/>
                      <a:pt x="3541534" y="1128948"/>
                      <a:pt x="3550847" y="1113009"/>
                    </a:cubicBezTo>
                    <a:cubicBezTo>
                      <a:pt x="3551903" y="1111281"/>
                      <a:pt x="3555072" y="1110993"/>
                      <a:pt x="3556608" y="1109361"/>
                    </a:cubicBezTo>
                    <a:cubicBezTo>
                      <a:pt x="3561505" y="1104368"/>
                      <a:pt x="3567842" y="1099760"/>
                      <a:pt x="3570435" y="1093710"/>
                    </a:cubicBezTo>
                    <a:cubicBezTo>
                      <a:pt x="3577923" y="1076044"/>
                      <a:pt x="3583780" y="1057800"/>
                      <a:pt x="3590501" y="1039846"/>
                    </a:cubicBezTo>
                    <a:cubicBezTo>
                      <a:pt x="3591942" y="1036005"/>
                      <a:pt x="3593285" y="1031108"/>
                      <a:pt x="3596263" y="1028900"/>
                    </a:cubicBezTo>
                    <a:cubicBezTo>
                      <a:pt x="3613449" y="1016226"/>
                      <a:pt x="3630925" y="1004032"/>
                      <a:pt x="3648591" y="992030"/>
                    </a:cubicBezTo>
                    <a:cubicBezTo>
                      <a:pt x="3655696" y="987229"/>
                      <a:pt x="3661649" y="989918"/>
                      <a:pt x="3667986" y="995487"/>
                    </a:cubicBezTo>
                    <a:cubicBezTo>
                      <a:pt x="3674131" y="1000768"/>
                      <a:pt x="3681717" y="1006240"/>
                      <a:pt x="3689397" y="1007585"/>
                    </a:cubicBezTo>
                    <a:cubicBezTo>
                      <a:pt x="3704760" y="1010177"/>
                      <a:pt x="3720698" y="1010753"/>
                      <a:pt x="3736349" y="1010753"/>
                    </a:cubicBezTo>
                    <a:cubicBezTo>
                      <a:pt x="3742205" y="1010753"/>
                      <a:pt x="3748446" y="1007297"/>
                      <a:pt x="3753919" y="1004513"/>
                    </a:cubicBezTo>
                    <a:cubicBezTo>
                      <a:pt x="3764289" y="999231"/>
                      <a:pt x="3773890" y="992126"/>
                      <a:pt x="3784643" y="987710"/>
                    </a:cubicBezTo>
                    <a:cubicBezTo>
                      <a:pt x="3797126" y="982621"/>
                      <a:pt x="3804615" y="974459"/>
                      <a:pt x="3808359" y="961689"/>
                    </a:cubicBezTo>
                    <a:cubicBezTo>
                      <a:pt x="3813929" y="942679"/>
                      <a:pt x="3827179" y="929428"/>
                      <a:pt x="3842829" y="918674"/>
                    </a:cubicBezTo>
                    <a:cubicBezTo>
                      <a:pt x="3862705" y="904944"/>
                      <a:pt x="3886421" y="905616"/>
                      <a:pt x="3908983" y="902256"/>
                    </a:cubicBezTo>
                    <a:cubicBezTo>
                      <a:pt x="3917625" y="901008"/>
                      <a:pt x="3926555" y="899951"/>
                      <a:pt x="3934428" y="896783"/>
                    </a:cubicBezTo>
                    <a:cubicBezTo>
                      <a:pt x="3964288" y="884877"/>
                      <a:pt x="3994149" y="873548"/>
                      <a:pt x="4026987" y="873835"/>
                    </a:cubicBezTo>
                    <a:cubicBezTo>
                      <a:pt x="4029674" y="873835"/>
                      <a:pt x="4032363" y="873548"/>
                      <a:pt x="4035051" y="873067"/>
                    </a:cubicBezTo>
                    <a:cubicBezTo>
                      <a:pt x="4058383" y="869131"/>
                      <a:pt x="4082483" y="867594"/>
                      <a:pt x="4099189" y="846664"/>
                    </a:cubicBezTo>
                    <a:cubicBezTo>
                      <a:pt x="4102261" y="842823"/>
                      <a:pt x="4109271" y="841671"/>
                      <a:pt x="4114647" y="840134"/>
                    </a:cubicBezTo>
                    <a:cubicBezTo>
                      <a:pt x="4123961" y="837638"/>
                      <a:pt x="4130203" y="832549"/>
                      <a:pt x="4133563" y="823427"/>
                    </a:cubicBezTo>
                    <a:cubicBezTo>
                      <a:pt x="4139229" y="807681"/>
                      <a:pt x="4145949" y="792223"/>
                      <a:pt x="4151039" y="776284"/>
                    </a:cubicBezTo>
                    <a:cubicBezTo>
                      <a:pt x="4154591" y="765338"/>
                      <a:pt x="4161215" y="759289"/>
                      <a:pt x="4171489" y="754776"/>
                    </a:cubicBezTo>
                    <a:cubicBezTo>
                      <a:pt x="4177251" y="752280"/>
                      <a:pt x="4182243" y="746808"/>
                      <a:pt x="4186372" y="741718"/>
                    </a:cubicBezTo>
                    <a:cubicBezTo>
                      <a:pt x="4191365" y="735573"/>
                      <a:pt x="4193957" y="727412"/>
                      <a:pt x="4199429" y="721940"/>
                    </a:cubicBezTo>
                    <a:cubicBezTo>
                      <a:pt x="4212775" y="708305"/>
                      <a:pt x="4216905" y="693231"/>
                      <a:pt x="4212487" y="674604"/>
                    </a:cubicBezTo>
                    <a:cubicBezTo>
                      <a:pt x="4208551" y="658090"/>
                      <a:pt x="4218921" y="636006"/>
                      <a:pt x="4232555" y="632645"/>
                    </a:cubicBezTo>
                    <a:cubicBezTo>
                      <a:pt x="4247629" y="628900"/>
                      <a:pt x="4257999" y="619684"/>
                      <a:pt x="4268657" y="609410"/>
                    </a:cubicBezTo>
                    <a:cubicBezTo>
                      <a:pt x="4274609" y="603649"/>
                      <a:pt x="4282963" y="598656"/>
                      <a:pt x="4291028" y="597216"/>
                    </a:cubicBezTo>
                    <a:cubicBezTo>
                      <a:pt x="4321657" y="591647"/>
                      <a:pt x="4350557" y="598464"/>
                      <a:pt x="4379651" y="609506"/>
                    </a:cubicBezTo>
                    <a:cubicBezTo>
                      <a:pt x="4398661" y="616707"/>
                      <a:pt x="4419784" y="618627"/>
                      <a:pt x="4440139" y="621507"/>
                    </a:cubicBezTo>
                    <a:cubicBezTo>
                      <a:pt x="4446477" y="622371"/>
                      <a:pt x="4454542" y="620452"/>
                      <a:pt x="4460015" y="616899"/>
                    </a:cubicBezTo>
                    <a:cubicBezTo>
                      <a:pt x="4479218" y="604609"/>
                      <a:pt x="4498325" y="591935"/>
                      <a:pt x="4516183" y="577724"/>
                    </a:cubicBezTo>
                    <a:cubicBezTo>
                      <a:pt x="4532795" y="564379"/>
                      <a:pt x="4551517" y="558810"/>
                      <a:pt x="4571681" y="560250"/>
                    </a:cubicBezTo>
                    <a:cubicBezTo>
                      <a:pt x="4586371" y="561306"/>
                      <a:pt x="4599621" y="558905"/>
                      <a:pt x="4613447" y="555257"/>
                    </a:cubicBezTo>
                    <a:cubicBezTo>
                      <a:pt x="4624969" y="552185"/>
                      <a:pt x="4637643" y="550072"/>
                      <a:pt x="4649355" y="551417"/>
                    </a:cubicBezTo>
                    <a:cubicBezTo>
                      <a:pt x="4665775" y="553337"/>
                      <a:pt x="4679313" y="550553"/>
                      <a:pt x="4692467" y="540663"/>
                    </a:cubicBezTo>
                    <a:cubicBezTo>
                      <a:pt x="4699476" y="535382"/>
                      <a:pt x="4708502" y="532598"/>
                      <a:pt x="4716855" y="528949"/>
                    </a:cubicBezTo>
                    <a:cubicBezTo>
                      <a:pt x="4729721" y="523284"/>
                      <a:pt x="4743067" y="518483"/>
                      <a:pt x="4755645" y="512147"/>
                    </a:cubicBezTo>
                    <a:cubicBezTo>
                      <a:pt x="4769183" y="505425"/>
                      <a:pt x="4781569" y="496112"/>
                      <a:pt x="4795395" y="490351"/>
                    </a:cubicBezTo>
                    <a:cubicBezTo>
                      <a:pt x="4810278" y="484110"/>
                      <a:pt x="4819879" y="474605"/>
                      <a:pt x="4825928" y="459818"/>
                    </a:cubicBezTo>
                    <a:cubicBezTo>
                      <a:pt x="4829769" y="450504"/>
                      <a:pt x="4835049" y="440615"/>
                      <a:pt x="4842347" y="434086"/>
                    </a:cubicBezTo>
                    <a:cubicBezTo>
                      <a:pt x="4857422" y="420740"/>
                      <a:pt x="4875087" y="410370"/>
                      <a:pt x="4890451" y="397216"/>
                    </a:cubicBezTo>
                    <a:cubicBezTo>
                      <a:pt x="4912054" y="378781"/>
                      <a:pt x="4932025" y="359194"/>
                      <a:pt x="4933945" y="327701"/>
                    </a:cubicBezTo>
                    <a:cubicBezTo>
                      <a:pt x="4935001" y="310322"/>
                      <a:pt x="4944219" y="302929"/>
                      <a:pt x="4961214" y="298801"/>
                    </a:cubicBezTo>
                    <a:cubicBezTo>
                      <a:pt x="4966878" y="297457"/>
                      <a:pt x="4974945" y="294864"/>
                      <a:pt x="4976672" y="290639"/>
                    </a:cubicBezTo>
                    <a:cubicBezTo>
                      <a:pt x="4981857" y="278061"/>
                      <a:pt x="4992610" y="275565"/>
                      <a:pt x="5002979" y="270573"/>
                    </a:cubicBezTo>
                    <a:cubicBezTo>
                      <a:pt x="5009221" y="267596"/>
                      <a:pt x="5016903" y="261739"/>
                      <a:pt x="5018535" y="255690"/>
                    </a:cubicBezTo>
                    <a:cubicBezTo>
                      <a:pt x="5025255" y="231206"/>
                      <a:pt x="5043690" y="216804"/>
                      <a:pt x="5061069" y="200961"/>
                    </a:cubicBezTo>
                    <a:cubicBezTo>
                      <a:pt x="5066158" y="196256"/>
                      <a:pt x="5071631" y="190879"/>
                      <a:pt x="5074127" y="184735"/>
                    </a:cubicBezTo>
                    <a:cubicBezTo>
                      <a:pt x="5079409" y="171484"/>
                      <a:pt x="5087281" y="161882"/>
                      <a:pt x="5101108" y="156891"/>
                    </a:cubicBezTo>
                    <a:cubicBezTo>
                      <a:pt x="5105524" y="155354"/>
                      <a:pt x="5109557" y="151801"/>
                      <a:pt x="5112918" y="148441"/>
                    </a:cubicBezTo>
                    <a:cubicBezTo>
                      <a:pt x="5120119" y="141144"/>
                      <a:pt x="5126167" y="132598"/>
                      <a:pt x="5133753" y="125782"/>
                    </a:cubicBezTo>
                    <a:cubicBezTo>
                      <a:pt x="5153051" y="108211"/>
                      <a:pt x="5172159" y="90928"/>
                      <a:pt x="5183393" y="66348"/>
                    </a:cubicBezTo>
                    <a:cubicBezTo>
                      <a:pt x="5188865" y="54346"/>
                      <a:pt x="5195107" y="41288"/>
                      <a:pt x="5204709" y="33030"/>
                    </a:cubicBezTo>
                    <a:cubicBezTo>
                      <a:pt x="5216903" y="22565"/>
                      <a:pt x="5232937" y="16612"/>
                      <a:pt x="5247243" y="8451"/>
                    </a:cubicBezTo>
                    <a:close/>
                  </a:path>
                </a:pathLst>
              </a:cu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29" name="Freeform: Shape 28">
                <a:extLst>
                  <a:ext uri="{FF2B5EF4-FFF2-40B4-BE49-F238E27FC236}">
                    <a16:creationId xmlns:a16="http://schemas.microsoft.com/office/drawing/2014/main" id="{7B2886F6-DE07-47C7-840F-22CD86C0D1D6}"/>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6096000" y="4138312"/>
                <a:ext cx="5260975" cy="1410656"/>
              </a:xfrm>
              <a:custGeom>
                <a:avLst/>
                <a:gdLst>
                  <a:gd name="connsiteX0" fmla="*/ 5260975 w 5260975"/>
                  <a:gd name="connsiteY0" fmla="*/ 0 h 1410656"/>
                  <a:gd name="connsiteX1" fmla="*/ 5260975 w 5260975"/>
                  <a:gd name="connsiteY1" fmla="*/ 221634 h 1410656"/>
                  <a:gd name="connsiteX2" fmla="*/ 5226503 w 5260975"/>
                  <a:gd name="connsiteY2" fmla="*/ 237063 h 1410656"/>
                  <a:gd name="connsiteX3" fmla="*/ 5206341 w 5260975"/>
                  <a:gd name="connsiteY3" fmla="*/ 245128 h 1410656"/>
                  <a:gd name="connsiteX4" fmla="*/ 5123287 w 5260975"/>
                  <a:gd name="connsiteY4" fmla="*/ 297073 h 1410656"/>
                  <a:gd name="connsiteX5" fmla="*/ 5048107 w 5260975"/>
                  <a:gd name="connsiteY5" fmla="*/ 361307 h 1410656"/>
                  <a:gd name="connsiteX6" fmla="*/ 4992899 w 5260975"/>
                  <a:gd name="connsiteY6" fmla="*/ 437542 h 1410656"/>
                  <a:gd name="connsiteX7" fmla="*/ 4977440 w 5260975"/>
                  <a:gd name="connsiteY7" fmla="*/ 455690 h 1410656"/>
                  <a:gd name="connsiteX8" fmla="*/ 4935193 w 5260975"/>
                  <a:gd name="connsiteY8" fmla="*/ 478445 h 1410656"/>
                  <a:gd name="connsiteX9" fmla="*/ 4897844 w 5260975"/>
                  <a:gd name="connsiteY9" fmla="*/ 495535 h 1410656"/>
                  <a:gd name="connsiteX10" fmla="*/ 4870767 w 5260975"/>
                  <a:gd name="connsiteY10" fmla="*/ 514451 h 1410656"/>
                  <a:gd name="connsiteX11" fmla="*/ 4847916 w 5260975"/>
                  <a:gd name="connsiteY11" fmla="*/ 531830 h 1410656"/>
                  <a:gd name="connsiteX12" fmla="*/ 4796163 w 5260975"/>
                  <a:gd name="connsiteY12" fmla="*/ 576765 h 1410656"/>
                  <a:gd name="connsiteX13" fmla="*/ 4738843 w 5260975"/>
                  <a:gd name="connsiteY13" fmla="*/ 614691 h 1410656"/>
                  <a:gd name="connsiteX14" fmla="*/ 4692755 w 5260975"/>
                  <a:gd name="connsiteY14" fmla="*/ 661162 h 1410656"/>
                  <a:gd name="connsiteX15" fmla="*/ 4673744 w 5260975"/>
                  <a:gd name="connsiteY15" fmla="*/ 686318 h 1410656"/>
                  <a:gd name="connsiteX16" fmla="*/ 4633801 w 5260975"/>
                  <a:gd name="connsiteY16" fmla="*/ 703505 h 1410656"/>
                  <a:gd name="connsiteX17" fmla="*/ 4590499 w 5260975"/>
                  <a:gd name="connsiteY17" fmla="*/ 730389 h 1410656"/>
                  <a:gd name="connsiteX18" fmla="*/ 4559773 w 5260975"/>
                  <a:gd name="connsiteY18" fmla="*/ 757081 h 1410656"/>
                  <a:gd name="connsiteX19" fmla="*/ 4536059 w 5260975"/>
                  <a:gd name="connsiteY19" fmla="*/ 774940 h 1410656"/>
                  <a:gd name="connsiteX20" fmla="*/ 4502549 w 5260975"/>
                  <a:gd name="connsiteY20" fmla="*/ 792895 h 1410656"/>
                  <a:gd name="connsiteX21" fmla="*/ 4468944 w 5260975"/>
                  <a:gd name="connsiteY21" fmla="*/ 816419 h 1410656"/>
                  <a:gd name="connsiteX22" fmla="*/ 4452622 w 5260975"/>
                  <a:gd name="connsiteY22" fmla="*/ 830917 h 1410656"/>
                  <a:gd name="connsiteX23" fmla="*/ 4421032 w 5260975"/>
                  <a:gd name="connsiteY23" fmla="*/ 855016 h 1410656"/>
                  <a:gd name="connsiteX24" fmla="*/ 4388483 w 5260975"/>
                  <a:gd name="connsiteY24" fmla="*/ 877484 h 1410656"/>
                  <a:gd name="connsiteX25" fmla="*/ 4327321 w 5260975"/>
                  <a:gd name="connsiteY25" fmla="*/ 903216 h 1410656"/>
                  <a:gd name="connsiteX26" fmla="*/ 4271633 w 5260975"/>
                  <a:gd name="connsiteY26" fmla="*/ 941046 h 1410656"/>
                  <a:gd name="connsiteX27" fmla="*/ 4227465 w 5260975"/>
                  <a:gd name="connsiteY27" fmla="*/ 968698 h 1410656"/>
                  <a:gd name="connsiteX28" fmla="*/ 4201733 w 5260975"/>
                  <a:gd name="connsiteY28" fmla="*/ 986846 h 1410656"/>
                  <a:gd name="connsiteX29" fmla="*/ 4154494 w 5260975"/>
                  <a:gd name="connsiteY29" fmla="*/ 1027364 h 1410656"/>
                  <a:gd name="connsiteX30" fmla="*/ 4081234 w 5260975"/>
                  <a:gd name="connsiteY30" fmla="*/ 1069994 h 1410656"/>
                  <a:gd name="connsiteX31" fmla="*/ 4036971 w 5260975"/>
                  <a:gd name="connsiteY31" fmla="*/ 1093038 h 1410656"/>
                  <a:gd name="connsiteX32" fmla="*/ 3941725 w 5260975"/>
                  <a:gd name="connsiteY32" fmla="*/ 1127796 h 1410656"/>
                  <a:gd name="connsiteX33" fmla="*/ 3910999 w 5260975"/>
                  <a:gd name="connsiteY33" fmla="*/ 1140182 h 1410656"/>
                  <a:gd name="connsiteX34" fmla="*/ 3875859 w 5260975"/>
                  <a:gd name="connsiteY34" fmla="*/ 1148343 h 1410656"/>
                  <a:gd name="connsiteX35" fmla="*/ 3819401 w 5260975"/>
                  <a:gd name="connsiteY35" fmla="*/ 1167642 h 1410656"/>
                  <a:gd name="connsiteX36" fmla="*/ 3709176 w 5260975"/>
                  <a:gd name="connsiteY36" fmla="*/ 1200863 h 1410656"/>
                  <a:gd name="connsiteX37" fmla="*/ 3684981 w 5260975"/>
                  <a:gd name="connsiteY37" fmla="*/ 1205952 h 1410656"/>
                  <a:gd name="connsiteX38" fmla="*/ 3623338 w 5260975"/>
                  <a:gd name="connsiteY38" fmla="*/ 1227363 h 1410656"/>
                  <a:gd name="connsiteX39" fmla="*/ 3586373 w 5260975"/>
                  <a:gd name="connsiteY39" fmla="*/ 1241765 h 1410656"/>
                  <a:gd name="connsiteX40" fmla="*/ 3555743 w 5260975"/>
                  <a:gd name="connsiteY40" fmla="*/ 1250023 h 1410656"/>
                  <a:gd name="connsiteX41" fmla="*/ 3528667 w 5260975"/>
                  <a:gd name="connsiteY41" fmla="*/ 1253864 h 1410656"/>
                  <a:gd name="connsiteX42" fmla="*/ 3457424 w 5260975"/>
                  <a:gd name="connsiteY42" fmla="*/ 1272874 h 1410656"/>
                  <a:gd name="connsiteX43" fmla="*/ 3429003 w 5260975"/>
                  <a:gd name="connsiteY43" fmla="*/ 1280364 h 1410656"/>
                  <a:gd name="connsiteX44" fmla="*/ 3355264 w 5260975"/>
                  <a:gd name="connsiteY44" fmla="*/ 1306096 h 1410656"/>
                  <a:gd name="connsiteX45" fmla="*/ 3292757 w 5260975"/>
                  <a:gd name="connsiteY45" fmla="*/ 1323090 h 1410656"/>
                  <a:gd name="connsiteX46" fmla="*/ 3266643 w 5260975"/>
                  <a:gd name="connsiteY46" fmla="*/ 1331251 h 1410656"/>
                  <a:gd name="connsiteX47" fmla="*/ 3206921 w 5260975"/>
                  <a:gd name="connsiteY47" fmla="*/ 1344886 h 1410656"/>
                  <a:gd name="connsiteX48" fmla="*/ 3173123 w 5260975"/>
                  <a:gd name="connsiteY48" fmla="*/ 1354488 h 1410656"/>
                  <a:gd name="connsiteX49" fmla="*/ 3090646 w 5260975"/>
                  <a:gd name="connsiteY49" fmla="*/ 1365337 h 1410656"/>
                  <a:gd name="connsiteX50" fmla="*/ 3005480 w 5260975"/>
                  <a:gd name="connsiteY50" fmla="*/ 1375802 h 1410656"/>
                  <a:gd name="connsiteX51" fmla="*/ 2958721 w 5260975"/>
                  <a:gd name="connsiteY51" fmla="*/ 1379259 h 1410656"/>
                  <a:gd name="connsiteX52" fmla="*/ 2917915 w 5260975"/>
                  <a:gd name="connsiteY52" fmla="*/ 1384733 h 1410656"/>
                  <a:gd name="connsiteX53" fmla="*/ 2882389 w 5260975"/>
                  <a:gd name="connsiteY53" fmla="*/ 1388189 h 1410656"/>
                  <a:gd name="connsiteX54" fmla="*/ 2825837 w 5260975"/>
                  <a:gd name="connsiteY54" fmla="*/ 1395198 h 1410656"/>
                  <a:gd name="connsiteX55" fmla="*/ 2802313 w 5260975"/>
                  <a:gd name="connsiteY55" fmla="*/ 1397023 h 1410656"/>
                  <a:gd name="connsiteX56" fmla="*/ 2746816 w 5260975"/>
                  <a:gd name="connsiteY56" fmla="*/ 1396926 h 1410656"/>
                  <a:gd name="connsiteX57" fmla="*/ 2727517 w 5260975"/>
                  <a:gd name="connsiteY57" fmla="*/ 1395966 h 1410656"/>
                  <a:gd name="connsiteX58" fmla="*/ 2690359 w 5260975"/>
                  <a:gd name="connsiteY58" fmla="*/ 1384060 h 1410656"/>
                  <a:gd name="connsiteX59" fmla="*/ 2685943 w 5260975"/>
                  <a:gd name="connsiteY59" fmla="*/ 1383196 h 1410656"/>
                  <a:gd name="connsiteX60" fmla="*/ 2661554 w 5260975"/>
                  <a:gd name="connsiteY60" fmla="*/ 1378491 h 1410656"/>
                  <a:gd name="connsiteX61" fmla="*/ 2648208 w 5260975"/>
                  <a:gd name="connsiteY61" fmla="*/ 1376955 h 1410656"/>
                  <a:gd name="connsiteX62" fmla="*/ 2597512 w 5260975"/>
                  <a:gd name="connsiteY62" fmla="*/ 1367162 h 1410656"/>
                  <a:gd name="connsiteX63" fmla="*/ 2568324 w 5260975"/>
                  <a:gd name="connsiteY63" fmla="*/ 1362553 h 1410656"/>
                  <a:gd name="connsiteX64" fmla="*/ 2544704 w 5260975"/>
                  <a:gd name="connsiteY64" fmla="*/ 1363225 h 1410656"/>
                  <a:gd name="connsiteX65" fmla="*/ 2503225 w 5260975"/>
                  <a:gd name="connsiteY65" fmla="*/ 1364089 h 1410656"/>
                  <a:gd name="connsiteX66" fmla="*/ 2489975 w 5260975"/>
                  <a:gd name="connsiteY66" fmla="*/ 1366298 h 1410656"/>
                  <a:gd name="connsiteX67" fmla="*/ 2430061 w 5260975"/>
                  <a:gd name="connsiteY67" fmla="*/ 1359960 h 1410656"/>
                  <a:gd name="connsiteX68" fmla="*/ 2395880 w 5260975"/>
                  <a:gd name="connsiteY68" fmla="*/ 1359480 h 1410656"/>
                  <a:gd name="connsiteX69" fmla="*/ 2357378 w 5260975"/>
                  <a:gd name="connsiteY69" fmla="*/ 1351607 h 1410656"/>
                  <a:gd name="connsiteX70" fmla="*/ 2346145 w 5260975"/>
                  <a:gd name="connsiteY70" fmla="*/ 1351991 h 1410656"/>
                  <a:gd name="connsiteX71" fmla="*/ 2333567 w 5260975"/>
                  <a:gd name="connsiteY71" fmla="*/ 1352663 h 1410656"/>
                  <a:gd name="connsiteX72" fmla="*/ 2294968 w 5260975"/>
                  <a:gd name="connsiteY72" fmla="*/ 1353240 h 1410656"/>
                  <a:gd name="connsiteX73" fmla="*/ 2271540 w 5260975"/>
                  <a:gd name="connsiteY73" fmla="*/ 1356120 h 1410656"/>
                  <a:gd name="connsiteX74" fmla="*/ 2226895 w 5260975"/>
                  <a:gd name="connsiteY74" fmla="*/ 1354392 h 1410656"/>
                  <a:gd name="connsiteX75" fmla="*/ 2210379 w 5260975"/>
                  <a:gd name="connsiteY75" fmla="*/ 1356888 h 1410656"/>
                  <a:gd name="connsiteX76" fmla="*/ 2168613 w 5260975"/>
                  <a:gd name="connsiteY76" fmla="*/ 1357176 h 1410656"/>
                  <a:gd name="connsiteX77" fmla="*/ 2131167 w 5260975"/>
                  <a:gd name="connsiteY77" fmla="*/ 1355736 h 1410656"/>
                  <a:gd name="connsiteX78" fmla="*/ 2095065 w 5260975"/>
                  <a:gd name="connsiteY78" fmla="*/ 1356504 h 1410656"/>
                  <a:gd name="connsiteX79" fmla="*/ 2069237 w 5260975"/>
                  <a:gd name="connsiteY79" fmla="*/ 1359672 h 1410656"/>
                  <a:gd name="connsiteX80" fmla="*/ 2041201 w 5260975"/>
                  <a:gd name="connsiteY80" fmla="*/ 1361592 h 1410656"/>
                  <a:gd name="connsiteX81" fmla="*/ 1963909 w 5260975"/>
                  <a:gd name="connsiteY81" fmla="*/ 1373018 h 1410656"/>
                  <a:gd name="connsiteX82" fmla="*/ 1949603 w 5260975"/>
                  <a:gd name="connsiteY82" fmla="*/ 1370234 h 1410656"/>
                  <a:gd name="connsiteX83" fmla="*/ 1868373 w 5260975"/>
                  <a:gd name="connsiteY83" fmla="*/ 1367641 h 1410656"/>
                  <a:gd name="connsiteX84" fmla="*/ 1850707 w 5260975"/>
                  <a:gd name="connsiteY84" fmla="*/ 1367834 h 1410656"/>
                  <a:gd name="connsiteX85" fmla="*/ 1803275 w 5260975"/>
                  <a:gd name="connsiteY85" fmla="*/ 1356504 h 1410656"/>
                  <a:gd name="connsiteX86" fmla="*/ 1730112 w 5260975"/>
                  <a:gd name="connsiteY86" fmla="*/ 1374459 h 1410656"/>
                  <a:gd name="connsiteX87" fmla="*/ 1661652 w 5260975"/>
                  <a:gd name="connsiteY87" fmla="*/ 1396926 h 1410656"/>
                  <a:gd name="connsiteX88" fmla="*/ 1653011 w 5260975"/>
                  <a:gd name="connsiteY88" fmla="*/ 1399807 h 1410656"/>
                  <a:gd name="connsiteX89" fmla="*/ 1628431 w 5260975"/>
                  <a:gd name="connsiteY89" fmla="*/ 1404704 h 1410656"/>
                  <a:gd name="connsiteX90" fmla="*/ 1597995 w 5260975"/>
                  <a:gd name="connsiteY90" fmla="*/ 1406432 h 1410656"/>
                  <a:gd name="connsiteX91" fmla="*/ 1559396 w 5260975"/>
                  <a:gd name="connsiteY91" fmla="*/ 1410656 h 1410656"/>
                  <a:gd name="connsiteX92" fmla="*/ 1528480 w 5260975"/>
                  <a:gd name="connsiteY92" fmla="*/ 1405375 h 1410656"/>
                  <a:gd name="connsiteX93" fmla="*/ 1485272 w 5260975"/>
                  <a:gd name="connsiteY93" fmla="*/ 1397502 h 1410656"/>
                  <a:gd name="connsiteX94" fmla="*/ 1444562 w 5260975"/>
                  <a:gd name="connsiteY94" fmla="*/ 1390013 h 1410656"/>
                  <a:gd name="connsiteX95" fmla="*/ 1431696 w 5260975"/>
                  <a:gd name="connsiteY95" fmla="*/ 1398846 h 1410656"/>
                  <a:gd name="connsiteX96" fmla="*/ 1411821 w 5260975"/>
                  <a:gd name="connsiteY96" fmla="*/ 1406527 h 1410656"/>
                  <a:gd name="connsiteX97" fmla="*/ 1389738 w 5260975"/>
                  <a:gd name="connsiteY97" fmla="*/ 1397310 h 1410656"/>
                  <a:gd name="connsiteX98" fmla="*/ 1338081 w 5260975"/>
                  <a:gd name="connsiteY98" fmla="*/ 1378204 h 1410656"/>
                  <a:gd name="connsiteX99" fmla="*/ 1305436 w 5260975"/>
                  <a:gd name="connsiteY99" fmla="*/ 1377339 h 1410656"/>
                  <a:gd name="connsiteX100" fmla="*/ 1234481 w 5260975"/>
                  <a:gd name="connsiteY100" fmla="*/ 1369178 h 1410656"/>
                  <a:gd name="connsiteX101" fmla="*/ 1188106 w 5260975"/>
                  <a:gd name="connsiteY101" fmla="*/ 1357560 h 1410656"/>
                  <a:gd name="connsiteX102" fmla="*/ 1154790 w 5260975"/>
                  <a:gd name="connsiteY102" fmla="*/ 1344406 h 1410656"/>
                  <a:gd name="connsiteX103" fmla="*/ 1107069 w 5260975"/>
                  <a:gd name="connsiteY103" fmla="*/ 1327219 h 1410656"/>
                  <a:gd name="connsiteX104" fmla="*/ 1059158 w 5260975"/>
                  <a:gd name="connsiteY104" fmla="*/ 1318290 h 1410656"/>
                  <a:gd name="connsiteX105" fmla="*/ 1024496 w 5260975"/>
                  <a:gd name="connsiteY105" fmla="*/ 1307056 h 1410656"/>
                  <a:gd name="connsiteX106" fmla="*/ 982153 w 5260975"/>
                  <a:gd name="connsiteY106" fmla="*/ 1299374 h 1410656"/>
                  <a:gd name="connsiteX107" fmla="*/ 946628 w 5260975"/>
                  <a:gd name="connsiteY107" fmla="*/ 1299087 h 1410656"/>
                  <a:gd name="connsiteX108" fmla="*/ 890939 w 5260975"/>
                  <a:gd name="connsiteY108" fmla="*/ 1300431 h 1410656"/>
                  <a:gd name="connsiteX109" fmla="*/ 822769 w 5260975"/>
                  <a:gd name="connsiteY109" fmla="*/ 1277196 h 1410656"/>
                  <a:gd name="connsiteX110" fmla="*/ 795212 w 5260975"/>
                  <a:gd name="connsiteY110" fmla="*/ 1272010 h 1410656"/>
                  <a:gd name="connsiteX111" fmla="*/ 769288 w 5260975"/>
                  <a:gd name="connsiteY111" fmla="*/ 1269610 h 1410656"/>
                  <a:gd name="connsiteX112" fmla="*/ 714271 w 5260975"/>
                  <a:gd name="connsiteY112" fmla="*/ 1254152 h 1410656"/>
                  <a:gd name="connsiteX113" fmla="*/ 691900 w 5260975"/>
                  <a:gd name="connsiteY113" fmla="*/ 1249062 h 1410656"/>
                  <a:gd name="connsiteX114" fmla="*/ 660598 w 5260975"/>
                  <a:gd name="connsiteY114" fmla="*/ 1249159 h 1410656"/>
                  <a:gd name="connsiteX115" fmla="*/ 603662 w 5260975"/>
                  <a:gd name="connsiteY115" fmla="*/ 1242054 h 1410656"/>
                  <a:gd name="connsiteX116" fmla="*/ 546821 w 5260975"/>
                  <a:gd name="connsiteY116" fmla="*/ 1221314 h 1410656"/>
                  <a:gd name="connsiteX117" fmla="*/ 522721 w 5260975"/>
                  <a:gd name="connsiteY117" fmla="*/ 1223330 h 1410656"/>
                  <a:gd name="connsiteX118" fmla="*/ 514080 w 5260975"/>
                  <a:gd name="connsiteY118" fmla="*/ 1222851 h 1410656"/>
                  <a:gd name="connsiteX119" fmla="*/ 436404 w 5260975"/>
                  <a:gd name="connsiteY119" fmla="*/ 1211424 h 1410656"/>
                  <a:gd name="connsiteX120" fmla="*/ 428626 w 5260975"/>
                  <a:gd name="connsiteY120" fmla="*/ 1210177 h 1410656"/>
                  <a:gd name="connsiteX121" fmla="*/ 392141 w 5260975"/>
                  <a:gd name="connsiteY121" fmla="*/ 1199999 h 1410656"/>
                  <a:gd name="connsiteX122" fmla="*/ 300157 w 5260975"/>
                  <a:gd name="connsiteY122" fmla="*/ 1193662 h 1410656"/>
                  <a:gd name="connsiteX123" fmla="*/ 294493 w 5260975"/>
                  <a:gd name="connsiteY123" fmla="*/ 1192894 h 1410656"/>
                  <a:gd name="connsiteX124" fmla="*/ 263671 w 5260975"/>
                  <a:gd name="connsiteY124" fmla="*/ 1197982 h 1410656"/>
                  <a:gd name="connsiteX125" fmla="*/ 248406 w 5260975"/>
                  <a:gd name="connsiteY125" fmla="*/ 1205184 h 1410656"/>
                  <a:gd name="connsiteX126" fmla="*/ 224594 w 5260975"/>
                  <a:gd name="connsiteY126" fmla="*/ 1212673 h 1410656"/>
                  <a:gd name="connsiteX127" fmla="*/ 200398 w 5260975"/>
                  <a:gd name="connsiteY127" fmla="*/ 1215458 h 1410656"/>
                  <a:gd name="connsiteX128" fmla="*/ 159783 w 5260975"/>
                  <a:gd name="connsiteY128" fmla="*/ 1204127 h 1410656"/>
                  <a:gd name="connsiteX129" fmla="*/ 144997 w 5260975"/>
                  <a:gd name="connsiteY129" fmla="*/ 1202975 h 1410656"/>
                  <a:gd name="connsiteX130" fmla="*/ 112064 w 5260975"/>
                  <a:gd name="connsiteY130" fmla="*/ 1197503 h 1410656"/>
                  <a:gd name="connsiteX131" fmla="*/ 83259 w 5260975"/>
                  <a:gd name="connsiteY131" fmla="*/ 1197887 h 1410656"/>
                  <a:gd name="connsiteX132" fmla="*/ 60120 w 5260975"/>
                  <a:gd name="connsiteY132" fmla="*/ 1206624 h 1410656"/>
                  <a:gd name="connsiteX133" fmla="*/ 26514 w 5260975"/>
                  <a:gd name="connsiteY133" fmla="*/ 1208352 h 1410656"/>
                  <a:gd name="connsiteX134" fmla="*/ 4814 w 5260975"/>
                  <a:gd name="connsiteY134" fmla="*/ 1202015 h 1410656"/>
                  <a:gd name="connsiteX135" fmla="*/ 398 w 5260975"/>
                  <a:gd name="connsiteY135" fmla="*/ 1201152 h 1410656"/>
                  <a:gd name="connsiteX136" fmla="*/ 0 w 5260975"/>
                  <a:gd name="connsiteY136" fmla="*/ 1201150 h 1410656"/>
                  <a:gd name="connsiteX137" fmla="*/ 0 w 5260975"/>
                  <a:gd name="connsiteY137" fmla="*/ 1004512 h 1410656"/>
                  <a:gd name="connsiteX138" fmla="*/ 30355 w 5260975"/>
                  <a:gd name="connsiteY138" fmla="*/ 1002784 h 1410656"/>
                  <a:gd name="connsiteX139" fmla="*/ 52151 w 5260975"/>
                  <a:gd name="connsiteY139" fmla="*/ 997695 h 1410656"/>
                  <a:gd name="connsiteX140" fmla="*/ 64248 w 5260975"/>
                  <a:gd name="connsiteY140" fmla="*/ 994430 h 1410656"/>
                  <a:gd name="connsiteX141" fmla="*/ 126370 w 5260975"/>
                  <a:gd name="connsiteY141" fmla="*/ 985405 h 1410656"/>
                  <a:gd name="connsiteX142" fmla="*/ 154022 w 5260975"/>
                  <a:gd name="connsiteY142" fmla="*/ 975708 h 1410656"/>
                  <a:gd name="connsiteX143" fmla="*/ 161512 w 5260975"/>
                  <a:gd name="connsiteY143" fmla="*/ 974268 h 1410656"/>
                  <a:gd name="connsiteX144" fmla="*/ 202510 w 5260975"/>
                  <a:gd name="connsiteY144" fmla="*/ 978300 h 1410656"/>
                  <a:gd name="connsiteX145" fmla="*/ 233235 w 5260975"/>
                  <a:gd name="connsiteY145" fmla="*/ 993950 h 1410656"/>
                  <a:gd name="connsiteX146" fmla="*/ 239188 w 5260975"/>
                  <a:gd name="connsiteY146" fmla="*/ 999231 h 1410656"/>
                  <a:gd name="connsiteX147" fmla="*/ 324834 w 5260975"/>
                  <a:gd name="connsiteY147" fmla="*/ 997407 h 1410656"/>
                  <a:gd name="connsiteX148" fmla="*/ 337987 w 5260975"/>
                  <a:gd name="connsiteY148" fmla="*/ 995198 h 1410656"/>
                  <a:gd name="connsiteX149" fmla="*/ 401550 w 5260975"/>
                  <a:gd name="connsiteY149" fmla="*/ 1004416 h 1410656"/>
                  <a:gd name="connsiteX150" fmla="*/ 420081 w 5260975"/>
                  <a:gd name="connsiteY150" fmla="*/ 1006240 h 1410656"/>
                  <a:gd name="connsiteX151" fmla="*/ 486523 w 5260975"/>
                  <a:gd name="connsiteY151" fmla="*/ 1014498 h 1410656"/>
                  <a:gd name="connsiteX152" fmla="*/ 495932 w 5260975"/>
                  <a:gd name="connsiteY152" fmla="*/ 1006817 h 1410656"/>
                  <a:gd name="connsiteX153" fmla="*/ 523009 w 5260975"/>
                  <a:gd name="connsiteY153" fmla="*/ 987517 h 1410656"/>
                  <a:gd name="connsiteX154" fmla="*/ 576393 w 5260975"/>
                  <a:gd name="connsiteY154" fmla="*/ 970427 h 1410656"/>
                  <a:gd name="connsiteX155" fmla="*/ 590892 w 5260975"/>
                  <a:gd name="connsiteY155" fmla="*/ 971387 h 1410656"/>
                  <a:gd name="connsiteX156" fmla="*/ 627569 w 5260975"/>
                  <a:gd name="connsiteY156" fmla="*/ 999904 h 1410656"/>
                  <a:gd name="connsiteX157" fmla="*/ 645429 w 5260975"/>
                  <a:gd name="connsiteY157" fmla="*/ 1011329 h 1410656"/>
                  <a:gd name="connsiteX158" fmla="*/ 696125 w 5260975"/>
                  <a:gd name="connsiteY158" fmla="*/ 1032356 h 1410656"/>
                  <a:gd name="connsiteX159" fmla="*/ 700349 w 5260975"/>
                  <a:gd name="connsiteY159" fmla="*/ 1036197 h 1410656"/>
                  <a:gd name="connsiteX160" fmla="*/ 737795 w 5260975"/>
                  <a:gd name="connsiteY160" fmla="*/ 1081804 h 1410656"/>
                  <a:gd name="connsiteX161" fmla="*/ 746244 w 5260975"/>
                  <a:gd name="connsiteY161" fmla="*/ 1089581 h 1410656"/>
                  <a:gd name="connsiteX162" fmla="*/ 756422 w 5260975"/>
                  <a:gd name="connsiteY162" fmla="*/ 1101680 h 1410656"/>
                  <a:gd name="connsiteX163" fmla="*/ 788202 w 5260975"/>
                  <a:gd name="connsiteY163" fmla="*/ 1125108 h 1410656"/>
                  <a:gd name="connsiteX164" fmla="*/ 827569 w 5260975"/>
                  <a:gd name="connsiteY164" fmla="*/ 1132596 h 1410656"/>
                  <a:gd name="connsiteX165" fmla="*/ 875097 w 5260975"/>
                  <a:gd name="connsiteY165" fmla="*/ 1144022 h 1410656"/>
                  <a:gd name="connsiteX166" fmla="*/ 894972 w 5260975"/>
                  <a:gd name="connsiteY166" fmla="*/ 1151704 h 1410656"/>
                  <a:gd name="connsiteX167" fmla="*/ 948260 w 5260975"/>
                  <a:gd name="connsiteY167" fmla="*/ 1166298 h 1410656"/>
                  <a:gd name="connsiteX168" fmla="*/ 986282 w 5260975"/>
                  <a:gd name="connsiteY168" fmla="*/ 1178588 h 1410656"/>
                  <a:gd name="connsiteX169" fmla="*/ 1041107 w 5260975"/>
                  <a:gd name="connsiteY169" fmla="*/ 1185789 h 1410656"/>
                  <a:gd name="connsiteX170" fmla="*/ 1067703 w 5260975"/>
                  <a:gd name="connsiteY170" fmla="*/ 1186076 h 1410656"/>
                  <a:gd name="connsiteX171" fmla="*/ 1116574 w 5260975"/>
                  <a:gd name="connsiteY171" fmla="*/ 1222946 h 1410656"/>
                  <a:gd name="connsiteX172" fmla="*/ 1155557 w 5260975"/>
                  <a:gd name="connsiteY172" fmla="*/ 1247335 h 1410656"/>
                  <a:gd name="connsiteX173" fmla="*/ 1196556 w 5260975"/>
                  <a:gd name="connsiteY173" fmla="*/ 1235525 h 1410656"/>
                  <a:gd name="connsiteX174" fmla="*/ 1207693 w 5260975"/>
                  <a:gd name="connsiteY174" fmla="*/ 1224387 h 1410656"/>
                  <a:gd name="connsiteX175" fmla="*/ 1274904 w 5260975"/>
                  <a:gd name="connsiteY175" fmla="*/ 1213826 h 1410656"/>
                  <a:gd name="connsiteX176" fmla="*/ 1370919 w 5260975"/>
                  <a:gd name="connsiteY176" fmla="*/ 1213442 h 1410656"/>
                  <a:gd name="connsiteX177" fmla="*/ 1530593 w 5260975"/>
                  <a:gd name="connsiteY177" fmla="*/ 1189437 h 1410656"/>
                  <a:gd name="connsiteX178" fmla="*/ 1558436 w 5260975"/>
                  <a:gd name="connsiteY178" fmla="*/ 1178299 h 1410656"/>
                  <a:gd name="connsiteX179" fmla="*/ 1589737 w 5260975"/>
                  <a:gd name="connsiteY179" fmla="*/ 1175515 h 1410656"/>
                  <a:gd name="connsiteX180" fmla="*/ 1601740 w 5260975"/>
                  <a:gd name="connsiteY180" fmla="*/ 1182333 h 1410656"/>
                  <a:gd name="connsiteX181" fmla="*/ 1654259 w 5260975"/>
                  <a:gd name="connsiteY181" fmla="*/ 1192510 h 1410656"/>
                  <a:gd name="connsiteX182" fmla="*/ 1664246 w 5260975"/>
                  <a:gd name="connsiteY182" fmla="*/ 1192702 h 1410656"/>
                  <a:gd name="connsiteX183" fmla="*/ 1698427 w 5260975"/>
                  <a:gd name="connsiteY183" fmla="*/ 1188381 h 1410656"/>
                  <a:gd name="connsiteX184" fmla="*/ 1730112 w 5260975"/>
                  <a:gd name="connsiteY184" fmla="*/ 1185885 h 1410656"/>
                  <a:gd name="connsiteX185" fmla="*/ 1809996 w 5260975"/>
                  <a:gd name="connsiteY185" fmla="*/ 1194046 h 1410656"/>
                  <a:gd name="connsiteX186" fmla="*/ 1871254 w 5260975"/>
                  <a:gd name="connsiteY186" fmla="*/ 1192126 h 1410656"/>
                  <a:gd name="connsiteX187" fmla="*/ 1899482 w 5260975"/>
                  <a:gd name="connsiteY187" fmla="*/ 1194046 h 1410656"/>
                  <a:gd name="connsiteX188" fmla="*/ 1915420 w 5260975"/>
                  <a:gd name="connsiteY188" fmla="*/ 1196927 h 1410656"/>
                  <a:gd name="connsiteX189" fmla="*/ 1951522 w 5260975"/>
                  <a:gd name="connsiteY189" fmla="*/ 1216994 h 1410656"/>
                  <a:gd name="connsiteX190" fmla="*/ 1971302 w 5260975"/>
                  <a:gd name="connsiteY190" fmla="*/ 1221507 h 1410656"/>
                  <a:gd name="connsiteX191" fmla="*/ 2030831 w 5260975"/>
                  <a:gd name="connsiteY191" fmla="*/ 1221123 h 1410656"/>
                  <a:gd name="connsiteX192" fmla="*/ 2120125 w 5260975"/>
                  <a:gd name="connsiteY192" fmla="*/ 1190878 h 1410656"/>
                  <a:gd name="connsiteX193" fmla="*/ 2129439 w 5260975"/>
                  <a:gd name="connsiteY193" fmla="*/ 1186845 h 1410656"/>
                  <a:gd name="connsiteX194" fmla="*/ 2174854 w 5260975"/>
                  <a:gd name="connsiteY194" fmla="*/ 1181852 h 1410656"/>
                  <a:gd name="connsiteX195" fmla="*/ 2205674 w 5260975"/>
                  <a:gd name="connsiteY195" fmla="*/ 1188669 h 1410656"/>
                  <a:gd name="connsiteX196" fmla="*/ 2247634 w 5260975"/>
                  <a:gd name="connsiteY196" fmla="*/ 1202784 h 1410656"/>
                  <a:gd name="connsiteX197" fmla="*/ 2285367 w 5260975"/>
                  <a:gd name="connsiteY197" fmla="*/ 1214594 h 1410656"/>
                  <a:gd name="connsiteX198" fmla="*/ 2312827 w 5260975"/>
                  <a:gd name="connsiteY198" fmla="*/ 1227939 h 1410656"/>
                  <a:gd name="connsiteX199" fmla="*/ 2375622 w 5260975"/>
                  <a:gd name="connsiteY199" fmla="*/ 1237733 h 1410656"/>
                  <a:gd name="connsiteX200" fmla="*/ 2382151 w 5260975"/>
                  <a:gd name="connsiteY200" fmla="*/ 1239365 h 1410656"/>
                  <a:gd name="connsiteX201" fmla="*/ 2429390 w 5260975"/>
                  <a:gd name="connsiteY201" fmla="*/ 1227459 h 1410656"/>
                  <a:gd name="connsiteX202" fmla="*/ 2486134 w 5260975"/>
                  <a:gd name="connsiteY202" fmla="*/ 1215362 h 1410656"/>
                  <a:gd name="connsiteX203" fmla="*/ 2506394 w 5260975"/>
                  <a:gd name="connsiteY203" fmla="*/ 1219490 h 1410656"/>
                  <a:gd name="connsiteX204" fmla="*/ 2534142 w 5260975"/>
                  <a:gd name="connsiteY204" fmla="*/ 1225347 h 1410656"/>
                  <a:gd name="connsiteX205" fmla="*/ 2559874 w 5260975"/>
                  <a:gd name="connsiteY205" fmla="*/ 1222275 h 1410656"/>
                  <a:gd name="connsiteX206" fmla="*/ 2575525 w 5260975"/>
                  <a:gd name="connsiteY206" fmla="*/ 1221987 h 1410656"/>
                  <a:gd name="connsiteX207" fmla="*/ 2646960 w 5260975"/>
                  <a:gd name="connsiteY207" fmla="*/ 1257896 h 1410656"/>
                  <a:gd name="connsiteX208" fmla="*/ 2665107 w 5260975"/>
                  <a:gd name="connsiteY208" fmla="*/ 1260873 h 1410656"/>
                  <a:gd name="connsiteX209" fmla="*/ 2675381 w 5260975"/>
                  <a:gd name="connsiteY209" fmla="*/ 1265290 h 1410656"/>
                  <a:gd name="connsiteX210" fmla="*/ 2737311 w 5260975"/>
                  <a:gd name="connsiteY210" fmla="*/ 1309841 h 1410656"/>
                  <a:gd name="connsiteX211" fmla="*/ 2763619 w 5260975"/>
                  <a:gd name="connsiteY211" fmla="*/ 1318866 h 1410656"/>
                  <a:gd name="connsiteX212" fmla="*/ 2792519 w 5260975"/>
                  <a:gd name="connsiteY212" fmla="*/ 1317041 h 1410656"/>
                  <a:gd name="connsiteX213" fmla="*/ 2809226 w 5260975"/>
                  <a:gd name="connsiteY213" fmla="*/ 1313777 h 1410656"/>
                  <a:gd name="connsiteX214" fmla="*/ 2850705 w 5260975"/>
                  <a:gd name="connsiteY214" fmla="*/ 1285452 h 1410656"/>
                  <a:gd name="connsiteX215" fmla="*/ 2874324 w 5260975"/>
                  <a:gd name="connsiteY215" fmla="*/ 1286413 h 1410656"/>
                  <a:gd name="connsiteX216" fmla="*/ 2911194 w 5260975"/>
                  <a:gd name="connsiteY216" fmla="*/ 1305903 h 1410656"/>
                  <a:gd name="connsiteX217" fmla="*/ 2978116 w 5260975"/>
                  <a:gd name="connsiteY217" fmla="*/ 1314641 h 1410656"/>
                  <a:gd name="connsiteX218" fmla="*/ 3012106 w 5260975"/>
                  <a:gd name="connsiteY218" fmla="*/ 1287373 h 1410656"/>
                  <a:gd name="connsiteX219" fmla="*/ 3029676 w 5260975"/>
                  <a:gd name="connsiteY219" fmla="*/ 1261161 h 1410656"/>
                  <a:gd name="connsiteX220" fmla="*/ 3080469 w 5260975"/>
                  <a:gd name="connsiteY220" fmla="*/ 1230724 h 1410656"/>
                  <a:gd name="connsiteX221" fmla="*/ 3092567 w 5260975"/>
                  <a:gd name="connsiteY221" fmla="*/ 1242054 h 1410656"/>
                  <a:gd name="connsiteX222" fmla="*/ 3129821 w 5260975"/>
                  <a:gd name="connsiteY222" fmla="*/ 1246855 h 1410656"/>
                  <a:gd name="connsiteX223" fmla="*/ 3170147 w 5260975"/>
                  <a:gd name="connsiteY223" fmla="*/ 1246471 h 1410656"/>
                  <a:gd name="connsiteX224" fmla="*/ 3240429 w 5260975"/>
                  <a:gd name="connsiteY224" fmla="*/ 1251559 h 1410656"/>
                  <a:gd name="connsiteX225" fmla="*/ 3287189 w 5260975"/>
                  <a:gd name="connsiteY225" fmla="*/ 1222466 h 1410656"/>
                  <a:gd name="connsiteX226" fmla="*/ 3305049 w 5260975"/>
                  <a:gd name="connsiteY226" fmla="*/ 1210465 h 1410656"/>
                  <a:gd name="connsiteX227" fmla="*/ 3321755 w 5260975"/>
                  <a:gd name="connsiteY227" fmla="*/ 1202784 h 1410656"/>
                  <a:gd name="connsiteX228" fmla="*/ 3341055 w 5260975"/>
                  <a:gd name="connsiteY228" fmla="*/ 1198463 h 1410656"/>
                  <a:gd name="connsiteX229" fmla="*/ 3387621 w 5260975"/>
                  <a:gd name="connsiteY229" fmla="*/ 1182140 h 1410656"/>
                  <a:gd name="connsiteX230" fmla="*/ 3413161 w 5260975"/>
                  <a:gd name="connsiteY230" fmla="*/ 1166105 h 1410656"/>
                  <a:gd name="connsiteX231" fmla="*/ 3470579 w 5260975"/>
                  <a:gd name="connsiteY231" fmla="*/ 1150647 h 1410656"/>
                  <a:gd name="connsiteX232" fmla="*/ 3509657 w 5260975"/>
                  <a:gd name="connsiteY232" fmla="*/ 1136821 h 1410656"/>
                  <a:gd name="connsiteX233" fmla="*/ 3550847 w 5260975"/>
                  <a:gd name="connsiteY233" fmla="*/ 1113009 h 1410656"/>
                  <a:gd name="connsiteX234" fmla="*/ 3556608 w 5260975"/>
                  <a:gd name="connsiteY234" fmla="*/ 1109361 h 1410656"/>
                  <a:gd name="connsiteX235" fmla="*/ 3570435 w 5260975"/>
                  <a:gd name="connsiteY235" fmla="*/ 1093710 h 1410656"/>
                  <a:gd name="connsiteX236" fmla="*/ 3590501 w 5260975"/>
                  <a:gd name="connsiteY236" fmla="*/ 1039846 h 1410656"/>
                  <a:gd name="connsiteX237" fmla="*/ 3596263 w 5260975"/>
                  <a:gd name="connsiteY237" fmla="*/ 1028900 h 1410656"/>
                  <a:gd name="connsiteX238" fmla="*/ 3648591 w 5260975"/>
                  <a:gd name="connsiteY238" fmla="*/ 992030 h 1410656"/>
                  <a:gd name="connsiteX239" fmla="*/ 3667986 w 5260975"/>
                  <a:gd name="connsiteY239" fmla="*/ 995487 h 1410656"/>
                  <a:gd name="connsiteX240" fmla="*/ 3689397 w 5260975"/>
                  <a:gd name="connsiteY240" fmla="*/ 1007585 h 1410656"/>
                  <a:gd name="connsiteX241" fmla="*/ 3736349 w 5260975"/>
                  <a:gd name="connsiteY241" fmla="*/ 1010753 h 1410656"/>
                  <a:gd name="connsiteX242" fmla="*/ 3753919 w 5260975"/>
                  <a:gd name="connsiteY242" fmla="*/ 1004513 h 1410656"/>
                  <a:gd name="connsiteX243" fmla="*/ 3784643 w 5260975"/>
                  <a:gd name="connsiteY243" fmla="*/ 987710 h 1410656"/>
                  <a:gd name="connsiteX244" fmla="*/ 3808359 w 5260975"/>
                  <a:gd name="connsiteY244" fmla="*/ 961689 h 1410656"/>
                  <a:gd name="connsiteX245" fmla="*/ 3842829 w 5260975"/>
                  <a:gd name="connsiteY245" fmla="*/ 918674 h 1410656"/>
                  <a:gd name="connsiteX246" fmla="*/ 3908983 w 5260975"/>
                  <a:gd name="connsiteY246" fmla="*/ 902256 h 1410656"/>
                  <a:gd name="connsiteX247" fmla="*/ 3934428 w 5260975"/>
                  <a:gd name="connsiteY247" fmla="*/ 896783 h 1410656"/>
                  <a:gd name="connsiteX248" fmla="*/ 4026987 w 5260975"/>
                  <a:gd name="connsiteY248" fmla="*/ 873835 h 1410656"/>
                  <a:gd name="connsiteX249" fmla="*/ 4035051 w 5260975"/>
                  <a:gd name="connsiteY249" fmla="*/ 873067 h 1410656"/>
                  <a:gd name="connsiteX250" fmla="*/ 4099189 w 5260975"/>
                  <a:gd name="connsiteY250" fmla="*/ 846664 h 1410656"/>
                  <a:gd name="connsiteX251" fmla="*/ 4114647 w 5260975"/>
                  <a:gd name="connsiteY251" fmla="*/ 840134 h 1410656"/>
                  <a:gd name="connsiteX252" fmla="*/ 4133563 w 5260975"/>
                  <a:gd name="connsiteY252" fmla="*/ 823427 h 1410656"/>
                  <a:gd name="connsiteX253" fmla="*/ 4151039 w 5260975"/>
                  <a:gd name="connsiteY253" fmla="*/ 776284 h 1410656"/>
                  <a:gd name="connsiteX254" fmla="*/ 4171489 w 5260975"/>
                  <a:gd name="connsiteY254" fmla="*/ 754776 h 1410656"/>
                  <a:gd name="connsiteX255" fmla="*/ 4186372 w 5260975"/>
                  <a:gd name="connsiteY255" fmla="*/ 741718 h 1410656"/>
                  <a:gd name="connsiteX256" fmla="*/ 4199429 w 5260975"/>
                  <a:gd name="connsiteY256" fmla="*/ 721940 h 1410656"/>
                  <a:gd name="connsiteX257" fmla="*/ 4212487 w 5260975"/>
                  <a:gd name="connsiteY257" fmla="*/ 674604 h 1410656"/>
                  <a:gd name="connsiteX258" fmla="*/ 4232555 w 5260975"/>
                  <a:gd name="connsiteY258" fmla="*/ 632645 h 1410656"/>
                  <a:gd name="connsiteX259" fmla="*/ 4268657 w 5260975"/>
                  <a:gd name="connsiteY259" fmla="*/ 609410 h 1410656"/>
                  <a:gd name="connsiteX260" fmla="*/ 4291028 w 5260975"/>
                  <a:gd name="connsiteY260" fmla="*/ 597216 h 1410656"/>
                  <a:gd name="connsiteX261" fmla="*/ 4379651 w 5260975"/>
                  <a:gd name="connsiteY261" fmla="*/ 609506 h 1410656"/>
                  <a:gd name="connsiteX262" fmla="*/ 4440139 w 5260975"/>
                  <a:gd name="connsiteY262" fmla="*/ 621507 h 1410656"/>
                  <a:gd name="connsiteX263" fmla="*/ 4460015 w 5260975"/>
                  <a:gd name="connsiteY263" fmla="*/ 616899 h 1410656"/>
                  <a:gd name="connsiteX264" fmla="*/ 4516183 w 5260975"/>
                  <a:gd name="connsiteY264" fmla="*/ 577724 h 1410656"/>
                  <a:gd name="connsiteX265" fmla="*/ 4571681 w 5260975"/>
                  <a:gd name="connsiteY265" fmla="*/ 560250 h 1410656"/>
                  <a:gd name="connsiteX266" fmla="*/ 4613447 w 5260975"/>
                  <a:gd name="connsiteY266" fmla="*/ 555257 h 1410656"/>
                  <a:gd name="connsiteX267" fmla="*/ 4649355 w 5260975"/>
                  <a:gd name="connsiteY267" fmla="*/ 551417 h 1410656"/>
                  <a:gd name="connsiteX268" fmla="*/ 4692467 w 5260975"/>
                  <a:gd name="connsiteY268" fmla="*/ 540663 h 1410656"/>
                  <a:gd name="connsiteX269" fmla="*/ 4716855 w 5260975"/>
                  <a:gd name="connsiteY269" fmla="*/ 528949 h 1410656"/>
                  <a:gd name="connsiteX270" fmla="*/ 4755645 w 5260975"/>
                  <a:gd name="connsiteY270" fmla="*/ 512147 h 1410656"/>
                  <a:gd name="connsiteX271" fmla="*/ 4795395 w 5260975"/>
                  <a:gd name="connsiteY271" fmla="*/ 490351 h 1410656"/>
                  <a:gd name="connsiteX272" fmla="*/ 4825928 w 5260975"/>
                  <a:gd name="connsiteY272" fmla="*/ 459818 h 1410656"/>
                  <a:gd name="connsiteX273" fmla="*/ 4842347 w 5260975"/>
                  <a:gd name="connsiteY273" fmla="*/ 434086 h 1410656"/>
                  <a:gd name="connsiteX274" fmla="*/ 4890451 w 5260975"/>
                  <a:gd name="connsiteY274" fmla="*/ 397216 h 1410656"/>
                  <a:gd name="connsiteX275" fmla="*/ 4933945 w 5260975"/>
                  <a:gd name="connsiteY275" fmla="*/ 327701 h 1410656"/>
                  <a:gd name="connsiteX276" fmla="*/ 4961214 w 5260975"/>
                  <a:gd name="connsiteY276" fmla="*/ 298801 h 1410656"/>
                  <a:gd name="connsiteX277" fmla="*/ 4976672 w 5260975"/>
                  <a:gd name="connsiteY277" fmla="*/ 290639 h 1410656"/>
                  <a:gd name="connsiteX278" fmla="*/ 5002979 w 5260975"/>
                  <a:gd name="connsiteY278" fmla="*/ 270573 h 1410656"/>
                  <a:gd name="connsiteX279" fmla="*/ 5018535 w 5260975"/>
                  <a:gd name="connsiteY279" fmla="*/ 255690 h 1410656"/>
                  <a:gd name="connsiteX280" fmla="*/ 5061069 w 5260975"/>
                  <a:gd name="connsiteY280" fmla="*/ 200961 h 1410656"/>
                  <a:gd name="connsiteX281" fmla="*/ 5074127 w 5260975"/>
                  <a:gd name="connsiteY281" fmla="*/ 184735 h 1410656"/>
                  <a:gd name="connsiteX282" fmla="*/ 5101108 w 5260975"/>
                  <a:gd name="connsiteY282" fmla="*/ 156891 h 1410656"/>
                  <a:gd name="connsiteX283" fmla="*/ 5112918 w 5260975"/>
                  <a:gd name="connsiteY283" fmla="*/ 148441 h 1410656"/>
                  <a:gd name="connsiteX284" fmla="*/ 5133753 w 5260975"/>
                  <a:gd name="connsiteY284" fmla="*/ 125782 h 1410656"/>
                  <a:gd name="connsiteX285" fmla="*/ 5183393 w 5260975"/>
                  <a:gd name="connsiteY285" fmla="*/ 66348 h 1410656"/>
                  <a:gd name="connsiteX286" fmla="*/ 5204709 w 5260975"/>
                  <a:gd name="connsiteY286" fmla="*/ 33030 h 1410656"/>
                  <a:gd name="connsiteX287" fmla="*/ 5247243 w 5260975"/>
                  <a:gd name="connsiteY287" fmla="*/ 8451 h 14106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Lst>
                <a:rect l="l" t="t" r="r" b="b"/>
                <a:pathLst>
                  <a:path w="5260975" h="1410656">
                    <a:moveTo>
                      <a:pt x="5260975" y="0"/>
                    </a:moveTo>
                    <a:lnTo>
                      <a:pt x="5260975" y="221634"/>
                    </a:lnTo>
                    <a:lnTo>
                      <a:pt x="5226503" y="237063"/>
                    </a:lnTo>
                    <a:cubicBezTo>
                      <a:pt x="5219783" y="239848"/>
                      <a:pt x="5212389" y="241384"/>
                      <a:pt x="5206341" y="245128"/>
                    </a:cubicBezTo>
                    <a:cubicBezTo>
                      <a:pt x="5178495" y="262219"/>
                      <a:pt x="5151515" y="280654"/>
                      <a:pt x="5123287" y="297073"/>
                    </a:cubicBezTo>
                    <a:cubicBezTo>
                      <a:pt x="5094195" y="314067"/>
                      <a:pt x="5068175" y="334134"/>
                      <a:pt x="5048107" y="361307"/>
                    </a:cubicBezTo>
                    <a:cubicBezTo>
                      <a:pt x="5029480" y="386559"/>
                      <a:pt x="5011429" y="412194"/>
                      <a:pt x="4992899" y="437542"/>
                    </a:cubicBezTo>
                    <a:cubicBezTo>
                      <a:pt x="4988194" y="443975"/>
                      <a:pt x="4983873" y="451561"/>
                      <a:pt x="4977440" y="455690"/>
                    </a:cubicBezTo>
                    <a:cubicBezTo>
                      <a:pt x="4964094" y="464331"/>
                      <a:pt x="4949499" y="471340"/>
                      <a:pt x="4935193" y="478445"/>
                    </a:cubicBezTo>
                    <a:cubicBezTo>
                      <a:pt x="4922903" y="484494"/>
                      <a:pt x="4909845" y="489006"/>
                      <a:pt x="4897844" y="495535"/>
                    </a:cubicBezTo>
                    <a:cubicBezTo>
                      <a:pt x="4888243" y="500721"/>
                      <a:pt x="4879697" y="507922"/>
                      <a:pt x="4870767" y="514451"/>
                    </a:cubicBezTo>
                    <a:cubicBezTo>
                      <a:pt x="4862990" y="520115"/>
                      <a:pt x="4854445" y="525012"/>
                      <a:pt x="4847916" y="531830"/>
                    </a:cubicBezTo>
                    <a:cubicBezTo>
                      <a:pt x="4831977" y="548344"/>
                      <a:pt x="4815942" y="564571"/>
                      <a:pt x="4796163" y="576765"/>
                    </a:cubicBezTo>
                    <a:cubicBezTo>
                      <a:pt x="4776672" y="588862"/>
                      <a:pt x="4758237" y="602401"/>
                      <a:pt x="4738843" y="614691"/>
                    </a:cubicBezTo>
                    <a:cubicBezTo>
                      <a:pt x="4719831" y="626693"/>
                      <a:pt x="4702645" y="639846"/>
                      <a:pt x="4692755" y="661162"/>
                    </a:cubicBezTo>
                    <a:cubicBezTo>
                      <a:pt x="4688339" y="670571"/>
                      <a:pt x="4682097" y="680845"/>
                      <a:pt x="4673744" y="686318"/>
                    </a:cubicBezTo>
                    <a:cubicBezTo>
                      <a:pt x="4661838" y="694095"/>
                      <a:pt x="4646764" y="696880"/>
                      <a:pt x="4633801" y="703505"/>
                    </a:cubicBezTo>
                    <a:cubicBezTo>
                      <a:pt x="4618535" y="711282"/>
                      <a:pt x="4600869" y="718003"/>
                      <a:pt x="4590499" y="730389"/>
                    </a:cubicBezTo>
                    <a:cubicBezTo>
                      <a:pt x="4581281" y="741431"/>
                      <a:pt x="4571968" y="750072"/>
                      <a:pt x="4559773" y="757081"/>
                    </a:cubicBezTo>
                    <a:cubicBezTo>
                      <a:pt x="4551229" y="761978"/>
                      <a:pt x="4544892" y="770907"/>
                      <a:pt x="4536059" y="774940"/>
                    </a:cubicBezTo>
                    <a:cubicBezTo>
                      <a:pt x="4524441" y="780317"/>
                      <a:pt x="4512727" y="784542"/>
                      <a:pt x="4502549" y="792895"/>
                    </a:cubicBezTo>
                    <a:cubicBezTo>
                      <a:pt x="4491987" y="801536"/>
                      <a:pt x="4479986" y="808353"/>
                      <a:pt x="4468944" y="816419"/>
                    </a:cubicBezTo>
                    <a:cubicBezTo>
                      <a:pt x="4463087" y="820739"/>
                      <a:pt x="4458286" y="826404"/>
                      <a:pt x="4452622" y="830917"/>
                    </a:cubicBezTo>
                    <a:cubicBezTo>
                      <a:pt x="4442252" y="839174"/>
                      <a:pt x="4431690" y="847239"/>
                      <a:pt x="4421032" y="855016"/>
                    </a:cubicBezTo>
                    <a:cubicBezTo>
                      <a:pt x="4410375" y="862794"/>
                      <a:pt x="4400197" y="871819"/>
                      <a:pt x="4388483" y="877484"/>
                    </a:cubicBezTo>
                    <a:cubicBezTo>
                      <a:pt x="4368513" y="887086"/>
                      <a:pt x="4346717" y="892847"/>
                      <a:pt x="4327321" y="903216"/>
                    </a:cubicBezTo>
                    <a:cubicBezTo>
                      <a:pt x="4307639" y="913777"/>
                      <a:pt x="4289107" y="927028"/>
                      <a:pt x="4271633" y="941046"/>
                    </a:cubicBezTo>
                    <a:cubicBezTo>
                      <a:pt x="4257807" y="952088"/>
                      <a:pt x="4244845" y="963034"/>
                      <a:pt x="4227465" y="968698"/>
                    </a:cubicBezTo>
                    <a:cubicBezTo>
                      <a:pt x="4217768" y="971867"/>
                      <a:pt x="4207591" y="978780"/>
                      <a:pt x="4201733" y="986846"/>
                    </a:cubicBezTo>
                    <a:cubicBezTo>
                      <a:pt x="4189059" y="1004416"/>
                      <a:pt x="4172833" y="1016802"/>
                      <a:pt x="4154494" y="1027364"/>
                    </a:cubicBezTo>
                    <a:cubicBezTo>
                      <a:pt x="4130010" y="1041574"/>
                      <a:pt x="4105814" y="1056072"/>
                      <a:pt x="4081234" y="1069994"/>
                    </a:cubicBezTo>
                    <a:cubicBezTo>
                      <a:pt x="4066737" y="1078252"/>
                      <a:pt x="4052335" y="1086989"/>
                      <a:pt x="4036971" y="1093038"/>
                    </a:cubicBezTo>
                    <a:cubicBezTo>
                      <a:pt x="4005575" y="1105520"/>
                      <a:pt x="3973410" y="1116177"/>
                      <a:pt x="3941725" y="1127796"/>
                    </a:cubicBezTo>
                    <a:cubicBezTo>
                      <a:pt x="3931355" y="1131540"/>
                      <a:pt x="3921561" y="1136917"/>
                      <a:pt x="3910999" y="1140182"/>
                    </a:cubicBezTo>
                    <a:cubicBezTo>
                      <a:pt x="3899573" y="1143734"/>
                      <a:pt x="3887285" y="1144790"/>
                      <a:pt x="3875859" y="1148343"/>
                    </a:cubicBezTo>
                    <a:cubicBezTo>
                      <a:pt x="3856847" y="1154199"/>
                      <a:pt x="3838412" y="1161689"/>
                      <a:pt x="3819401" y="1167642"/>
                    </a:cubicBezTo>
                    <a:cubicBezTo>
                      <a:pt x="3782723" y="1179068"/>
                      <a:pt x="3745949" y="1190014"/>
                      <a:pt x="3709176" y="1200863"/>
                    </a:cubicBezTo>
                    <a:cubicBezTo>
                      <a:pt x="3701303" y="1203168"/>
                      <a:pt x="3692757" y="1203456"/>
                      <a:pt x="3684981" y="1205952"/>
                    </a:cubicBezTo>
                    <a:cubicBezTo>
                      <a:pt x="3664337" y="1212673"/>
                      <a:pt x="3643789" y="1219970"/>
                      <a:pt x="3623338" y="1227363"/>
                    </a:cubicBezTo>
                    <a:cubicBezTo>
                      <a:pt x="3610953" y="1231876"/>
                      <a:pt x="3598854" y="1237445"/>
                      <a:pt x="3586373" y="1241765"/>
                    </a:cubicBezTo>
                    <a:cubicBezTo>
                      <a:pt x="3576387" y="1245222"/>
                      <a:pt x="3566113" y="1247910"/>
                      <a:pt x="3555743" y="1250023"/>
                    </a:cubicBezTo>
                    <a:cubicBezTo>
                      <a:pt x="3546814" y="1251848"/>
                      <a:pt x="3537501" y="1251655"/>
                      <a:pt x="3528667" y="1253864"/>
                    </a:cubicBezTo>
                    <a:cubicBezTo>
                      <a:pt x="3504759" y="1259816"/>
                      <a:pt x="3481140" y="1266538"/>
                      <a:pt x="3457424" y="1272874"/>
                    </a:cubicBezTo>
                    <a:cubicBezTo>
                      <a:pt x="3447919" y="1275371"/>
                      <a:pt x="3438221" y="1277196"/>
                      <a:pt x="3429003" y="1280364"/>
                    </a:cubicBezTo>
                    <a:cubicBezTo>
                      <a:pt x="3404327" y="1288717"/>
                      <a:pt x="3380036" y="1298222"/>
                      <a:pt x="3355264" y="1306096"/>
                    </a:cubicBezTo>
                    <a:cubicBezTo>
                      <a:pt x="3334717" y="1312625"/>
                      <a:pt x="3313593" y="1317329"/>
                      <a:pt x="3292757" y="1323090"/>
                    </a:cubicBezTo>
                    <a:cubicBezTo>
                      <a:pt x="3283924" y="1325587"/>
                      <a:pt x="3275475" y="1329140"/>
                      <a:pt x="3266643" y="1331251"/>
                    </a:cubicBezTo>
                    <a:cubicBezTo>
                      <a:pt x="3246863" y="1336053"/>
                      <a:pt x="3226796" y="1340085"/>
                      <a:pt x="3206921" y="1344886"/>
                    </a:cubicBezTo>
                    <a:cubicBezTo>
                      <a:pt x="3195590" y="1347670"/>
                      <a:pt x="3184645" y="1352663"/>
                      <a:pt x="3173123" y="1354488"/>
                    </a:cubicBezTo>
                    <a:cubicBezTo>
                      <a:pt x="3145759" y="1358808"/>
                      <a:pt x="3118203" y="1361880"/>
                      <a:pt x="3090646" y="1365337"/>
                    </a:cubicBezTo>
                    <a:cubicBezTo>
                      <a:pt x="3062227" y="1368889"/>
                      <a:pt x="3033902" y="1372634"/>
                      <a:pt x="3005480" y="1375802"/>
                    </a:cubicBezTo>
                    <a:cubicBezTo>
                      <a:pt x="2989926" y="1377435"/>
                      <a:pt x="2974275" y="1377723"/>
                      <a:pt x="2958721" y="1379259"/>
                    </a:cubicBezTo>
                    <a:cubicBezTo>
                      <a:pt x="2945087" y="1380604"/>
                      <a:pt x="2931549" y="1383100"/>
                      <a:pt x="2917915" y="1384733"/>
                    </a:cubicBezTo>
                    <a:cubicBezTo>
                      <a:pt x="2906105" y="1386076"/>
                      <a:pt x="2894199" y="1386844"/>
                      <a:pt x="2882389" y="1388189"/>
                    </a:cubicBezTo>
                    <a:cubicBezTo>
                      <a:pt x="2863475" y="1390397"/>
                      <a:pt x="2844655" y="1392894"/>
                      <a:pt x="2825837" y="1395198"/>
                    </a:cubicBezTo>
                    <a:cubicBezTo>
                      <a:pt x="2817964" y="1396062"/>
                      <a:pt x="2809706" y="1398462"/>
                      <a:pt x="2802313" y="1397023"/>
                    </a:cubicBezTo>
                    <a:cubicBezTo>
                      <a:pt x="2783686" y="1393373"/>
                      <a:pt x="2765347" y="1394430"/>
                      <a:pt x="2746816" y="1396926"/>
                    </a:cubicBezTo>
                    <a:cubicBezTo>
                      <a:pt x="2740479" y="1397791"/>
                      <a:pt x="2733662" y="1397598"/>
                      <a:pt x="2727517" y="1395966"/>
                    </a:cubicBezTo>
                    <a:cubicBezTo>
                      <a:pt x="2714939" y="1392701"/>
                      <a:pt x="2702745" y="1388092"/>
                      <a:pt x="2690359" y="1384060"/>
                    </a:cubicBezTo>
                    <a:cubicBezTo>
                      <a:pt x="2689014" y="1383580"/>
                      <a:pt x="2687382" y="1383484"/>
                      <a:pt x="2685943" y="1383196"/>
                    </a:cubicBezTo>
                    <a:cubicBezTo>
                      <a:pt x="2677781" y="1381563"/>
                      <a:pt x="2669717" y="1379931"/>
                      <a:pt x="2661554" y="1378491"/>
                    </a:cubicBezTo>
                    <a:cubicBezTo>
                      <a:pt x="2657138" y="1377723"/>
                      <a:pt x="2652625" y="1377627"/>
                      <a:pt x="2648208" y="1376955"/>
                    </a:cubicBezTo>
                    <a:cubicBezTo>
                      <a:pt x="2631118" y="1374266"/>
                      <a:pt x="2612299" y="1378779"/>
                      <a:pt x="2597512" y="1367162"/>
                    </a:cubicBezTo>
                    <a:cubicBezTo>
                      <a:pt x="2587911" y="1359672"/>
                      <a:pt x="2578597" y="1361401"/>
                      <a:pt x="2568324" y="1362553"/>
                    </a:cubicBezTo>
                    <a:cubicBezTo>
                      <a:pt x="2560547" y="1363417"/>
                      <a:pt x="2552577" y="1363128"/>
                      <a:pt x="2544704" y="1363225"/>
                    </a:cubicBezTo>
                    <a:cubicBezTo>
                      <a:pt x="2530878" y="1363512"/>
                      <a:pt x="2517052" y="1363609"/>
                      <a:pt x="2503225" y="1364089"/>
                    </a:cubicBezTo>
                    <a:cubicBezTo>
                      <a:pt x="2498808" y="1364281"/>
                      <a:pt x="2494297" y="1366682"/>
                      <a:pt x="2489975" y="1366298"/>
                    </a:cubicBezTo>
                    <a:cubicBezTo>
                      <a:pt x="2470004" y="1364473"/>
                      <a:pt x="2450033" y="1361592"/>
                      <a:pt x="2430061" y="1359960"/>
                    </a:cubicBezTo>
                    <a:cubicBezTo>
                      <a:pt x="2418732" y="1359001"/>
                      <a:pt x="2407114" y="1360824"/>
                      <a:pt x="2395880" y="1359480"/>
                    </a:cubicBezTo>
                    <a:cubicBezTo>
                      <a:pt x="2382919" y="1357944"/>
                      <a:pt x="2370245" y="1354008"/>
                      <a:pt x="2357378" y="1351607"/>
                    </a:cubicBezTo>
                    <a:cubicBezTo>
                      <a:pt x="2353826" y="1350935"/>
                      <a:pt x="2349889" y="1351799"/>
                      <a:pt x="2346145" y="1351991"/>
                    </a:cubicBezTo>
                    <a:cubicBezTo>
                      <a:pt x="2341920" y="1352183"/>
                      <a:pt x="2337791" y="1352567"/>
                      <a:pt x="2333567" y="1352663"/>
                    </a:cubicBezTo>
                    <a:cubicBezTo>
                      <a:pt x="2320700" y="1352856"/>
                      <a:pt x="2307835" y="1352567"/>
                      <a:pt x="2294968" y="1353240"/>
                    </a:cubicBezTo>
                    <a:cubicBezTo>
                      <a:pt x="2287095" y="1353624"/>
                      <a:pt x="2278839" y="1357560"/>
                      <a:pt x="2271540" y="1356120"/>
                    </a:cubicBezTo>
                    <a:cubicBezTo>
                      <a:pt x="2256659" y="1353335"/>
                      <a:pt x="2241776" y="1359576"/>
                      <a:pt x="2226895" y="1354392"/>
                    </a:cubicBezTo>
                    <a:cubicBezTo>
                      <a:pt x="2222285" y="1352856"/>
                      <a:pt x="2215948" y="1356696"/>
                      <a:pt x="2210379" y="1356888"/>
                    </a:cubicBezTo>
                    <a:cubicBezTo>
                      <a:pt x="2196457" y="1357368"/>
                      <a:pt x="2182535" y="1357272"/>
                      <a:pt x="2168613" y="1357176"/>
                    </a:cubicBezTo>
                    <a:cubicBezTo>
                      <a:pt x="2156131" y="1357080"/>
                      <a:pt x="2143168" y="1358424"/>
                      <a:pt x="2131167" y="1355736"/>
                    </a:cubicBezTo>
                    <a:cubicBezTo>
                      <a:pt x="2118588" y="1352856"/>
                      <a:pt x="2107259" y="1353240"/>
                      <a:pt x="2095065" y="1356504"/>
                    </a:cubicBezTo>
                    <a:cubicBezTo>
                      <a:pt x="2086711" y="1358712"/>
                      <a:pt x="2077878" y="1359001"/>
                      <a:pt x="2069237" y="1359672"/>
                    </a:cubicBezTo>
                    <a:cubicBezTo>
                      <a:pt x="2059924" y="1360440"/>
                      <a:pt x="2049650" y="1358424"/>
                      <a:pt x="2041201" y="1361592"/>
                    </a:cubicBezTo>
                    <a:cubicBezTo>
                      <a:pt x="2016044" y="1371002"/>
                      <a:pt x="1990216" y="1373018"/>
                      <a:pt x="1963909" y="1373018"/>
                    </a:cubicBezTo>
                    <a:cubicBezTo>
                      <a:pt x="1959107" y="1373018"/>
                      <a:pt x="1954210" y="1371675"/>
                      <a:pt x="1949603" y="1370234"/>
                    </a:cubicBezTo>
                    <a:cubicBezTo>
                      <a:pt x="1922717" y="1361592"/>
                      <a:pt x="1895737" y="1362360"/>
                      <a:pt x="1868373" y="1367641"/>
                    </a:cubicBezTo>
                    <a:cubicBezTo>
                      <a:pt x="1862708" y="1368794"/>
                      <a:pt x="1856372" y="1368986"/>
                      <a:pt x="1850707" y="1367834"/>
                    </a:cubicBezTo>
                    <a:cubicBezTo>
                      <a:pt x="1834768" y="1364473"/>
                      <a:pt x="1819309" y="1358904"/>
                      <a:pt x="1803275" y="1356504"/>
                    </a:cubicBezTo>
                    <a:cubicBezTo>
                      <a:pt x="1776775" y="1352567"/>
                      <a:pt x="1753828" y="1365817"/>
                      <a:pt x="1730112" y="1374459"/>
                    </a:cubicBezTo>
                    <a:cubicBezTo>
                      <a:pt x="1707548" y="1382620"/>
                      <a:pt x="1688345" y="1401055"/>
                      <a:pt x="1661652" y="1396926"/>
                    </a:cubicBezTo>
                    <a:cubicBezTo>
                      <a:pt x="1658965" y="1396542"/>
                      <a:pt x="1655988" y="1399134"/>
                      <a:pt x="1653011" y="1399807"/>
                    </a:cubicBezTo>
                    <a:cubicBezTo>
                      <a:pt x="1644850" y="1401631"/>
                      <a:pt x="1636689" y="1403839"/>
                      <a:pt x="1628431" y="1404704"/>
                    </a:cubicBezTo>
                    <a:cubicBezTo>
                      <a:pt x="1618350" y="1405856"/>
                      <a:pt x="1608076" y="1405472"/>
                      <a:pt x="1597995" y="1406432"/>
                    </a:cubicBezTo>
                    <a:cubicBezTo>
                      <a:pt x="1585032" y="1407584"/>
                      <a:pt x="1572263" y="1410656"/>
                      <a:pt x="1559396" y="1410656"/>
                    </a:cubicBezTo>
                    <a:cubicBezTo>
                      <a:pt x="1549026" y="1410656"/>
                      <a:pt x="1538753" y="1407104"/>
                      <a:pt x="1528480" y="1405375"/>
                    </a:cubicBezTo>
                    <a:cubicBezTo>
                      <a:pt x="1513981" y="1402975"/>
                      <a:pt x="1498042" y="1403647"/>
                      <a:pt x="1485272" y="1397502"/>
                    </a:cubicBezTo>
                    <a:cubicBezTo>
                      <a:pt x="1471639" y="1390973"/>
                      <a:pt x="1458676" y="1387997"/>
                      <a:pt x="1444562" y="1390013"/>
                    </a:cubicBezTo>
                    <a:cubicBezTo>
                      <a:pt x="1439857" y="1390685"/>
                      <a:pt x="1433808" y="1394718"/>
                      <a:pt x="1431696" y="1398846"/>
                    </a:cubicBezTo>
                    <a:cubicBezTo>
                      <a:pt x="1426991" y="1408064"/>
                      <a:pt x="1420559" y="1409697"/>
                      <a:pt x="1411821" y="1406527"/>
                    </a:cubicBezTo>
                    <a:cubicBezTo>
                      <a:pt x="1404236" y="1403839"/>
                      <a:pt x="1394922" y="1402495"/>
                      <a:pt x="1389738" y="1397310"/>
                    </a:cubicBezTo>
                    <a:cubicBezTo>
                      <a:pt x="1375047" y="1382620"/>
                      <a:pt x="1356324" y="1382140"/>
                      <a:pt x="1338081" y="1378204"/>
                    </a:cubicBezTo>
                    <a:cubicBezTo>
                      <a:pt x="1326945" y="1375802"/>
                      <a:pt x="1316574" y="1375707"/>
                      <a:pt x="1305436" y="1377339"/>
                    </a:cubicBezTo>
                    <a:cubicBezTo>
                      <a:pt x="1281241" y="1380988"/>
                      <a:pt x="1257717" y="1375802"/>
                      <a:pt x="1234481" y="1369178"/>
                    </a:cubicBezTo>
                    <a:cubicBezTo>
                      <a:pt x="1219118" y="1364761"/>
                      <a:pt x="1203372" y="1362073"/>
                      <a:pt x="1188106" y="1357560"/>
                    </a:cubicBezTo>
                    <a:cubicBezTo>
                      <a:pt x="1176680" y="1354104"/>
                      <a:pt x="1165255" y="1349975"/>
                      <a:pt x="1154790" y="1344406"/>
                    </a:cubicBezTo>
                    <a:cubicBezTo>
                      <a:pt x="1139618" y="1336244"/>
                      <a:pt x="1126369" y="1323954"/>
                      <a:pt x="1107069" y="1327219"/>
                    </a:cubicBezTo>
                    <a:cubicBezTo>
                      <a:pt x="1090074" y="1330099"/>
                      <a:pt x="1074713" y="1324051"/>
                      <a:pt x="1059158" y="1318290"/>
                    </a:cubicBezTo>
                    <a:cubicBezTo>
                      <a:pt x="1047732" y="1314065"/>
                      <a:pt x="1036308" y="1309744"/>
                      <a:pt x="1024496" y="1307056"/>
                    </a:cubicBezTo>
                    <a:cubicBezTo>
                      <a:pt x="1010478" y="1303887"/>
                      <a:pt x="994635" y="1305232"/>
                      <a:pt x="982153" y="1299374"/>
                    </a:cubicBezTo>
                    <a:cubicBezTo>
                      <a:pt x="969095" y="1293229"/>
                      <a:pt x="958246" y="1297358"/>
                      <a:pt x="946628" y="1299087"/>
                    </a:cubicBezTo>
                    <a:cubicBezTo>
                      <a:pt x="928097" y="1301775"/>
                      <a:pt x="909661" y="1306768"/>
                      <a:pt x="890939" y="1300431"/>
                    </a:cubicBezTo>
                    <a:cubicBezTo>
                      <a:pt x="868184" y="1292750"/>
                      <a:pt x="845620" y="1284493"/>
                      <a:pt x="822769" y="1277196"/>
                    </a:cubicBezTo>
                    <a:cubicBezTo>
                      <a:pt x="813934" y="1274410"/>
                      <a:pt x="804431" y="1273258"/>
                      <a:pt x="795212" y="1272010"/>
                    </a:cubicBezTo>
                    <a:cubicBezTo>
                      <a:pt x="786476" y="1270954"/>
                      <a:pt x="776010" y="1273642"/>
                      <a:pt x="769288" y="1269610"/>
                    </a:cubicBezTo>
                    <a:cubicBezTo>
                      <a:pt x="752005" y="1259241"/>
                      <a:pt x="734243" y="1254152"/>
                      <a:pt x="714271" y="1254152"/>
                    </a:cubicBezTo>
                    <a:cubicBezTo>
                      <a:pt x="706781" y="1254152"/>
                      <a:pt x="699484" y="1249831"/>
                      <a:pt x="691900" y="1249062"/>
                    </a:cubicBezTo>
                    <a:cubicBezTo>
                      <a:pt x="681529" y="1248103"/>
                      <a:pt x="669623" y="1245510"/>
                      <a:pt x="660598" y="1249159"/>
                    </a:cubicBezTo>
                    <a:cubicBezTo>
                      <a:pt x="639379" y="1257800"/>
                      <a:pt x="622193" y="1250599"/>
                      <a:pt x="603662" y="1242054"/>
                    </a:cubicBezTo>
                    <a:cubicBezTo>
                      <a:pt x="585418" y="1233604"/>
                      <a:pt x="566215" y="1226884"/>
                      <a:pt x="546821" y="1221314"/>
                    </a:cubicBezTo>
                    <a:cubicBezTo>
                      <a:pt x="539524" y="1219298"/>
                      <a:pt x="530787" y="1222659"/>
                      <a:pt x="522721" y="1223330"/>
                    </a:cubicBezTo>
                    <a:cubicBezTo>
                      <a:pt x="519840" y="1223523"/>
                      <a:pt x="516671" y="1223811"/>
                      <a:pt x="514080" y="1222851"/>
                    </a:cubicBezTo>
                    <a:cubicBezTo>
                      <a:pt x="489020" y="1213633"/>
                      <a:pt x="463575" y="1206624"/>
                      <a:pt x="436404" y="1211424"/>
                    </a:cubicBezTo>
                    <a:cubicBezTo>
                      <a:pt x="433908" y="1211905"/>
                      <a:pt x="431123" y="1210849"/>
                      <a:pt x="428626" y="1210177"/>
                    </a:cubicBezTo>
                    <a:cubicBezTo>
                      <a:pt x="416432" y="1206720"/>
                      <a:pt x="404526" y="1201247"/>
                      <a:pt x="392141" y="1199999"/>
                    </a:cubicBezTo>
                    <a:cubicBezTo>
                      <a:pt x="361608" y="1196927"/>
                      <a:pt x="330884" y="1195678"/>
                      <a:pt x="300157" y="1193662"/>
                    </a:cubicBezTo>
                    <a:cubicBezTo>
                      <a:pt x="298237" y="1193566"/>
                      <a:pt x="296221" y="1193566"/>
                      <a:pt x="294493" y="1192894"/>
                    </a:cubicBezTo>
                    <a:cubicBezTo>
                      <a:pt x="283163" y="1188765"/>
                      <a:pt x="273274" y="1190110"/>
                      <a:pt x="263671" y="1197982"/>
                    </a:cubicBezTo>
                    <a:cubicBezTo>
                      <a:pt x="259447" y="1201439"/>
                      <a:pt x="253686" y="1203263"/>
                      <a:pt x="248406" y="1205184"/>
                    </a:cubicBezTo>
                    <a:cubicBezTo>
                      <a:pt x="240628" y="1208065"/>
                      <a:pt x="232659" y="1210849"/>
                      <a:pt x="224594" y="1212673"/>
                    </a:cubicBezTo>
                    <a:cubicBezTo>
                      <a:pt x="216624" y="1214401"/>
                      <a:pt x="208079" y="1216801"/>
                      <a:pt x="200398" y="1215458"/>
                    </a:cubicBezTo>
                    <a:cubicBezTo>
                      <a:pt x="186572" y="1213057"/>
                      <a:pt x="173417" y="1207681"/>
                      <a:pt x="159783" y="1204127"/>
                    </a:cubicBezTo>
                    <a:cubicBezTo>
                      <a:pt x="155079" y="1202879"/>
                      <a:pt x="149893" y="1203072"/>
                      <a:pt x="144997" y="1202975"/>
                    </a:cubicBezTo>
                    <a:cubicBezTo>
                      <a:pt x="133763" y="1202688"/>
                      <a:pt x="122241" y="1205472"/>
                      <a:pt x="112064" y="1197503"/>
                    </a:cubicBezTo>
                    <a:cubicBezTo>
                      <a:pt x="102655" y="1190014"/>
                      <a:pt x="93148" y="1192221"/>
                      <a:pt x="83259" y="1197887"/>
                    </a:cubicBezTo>
                    <a:cubicBezTo>
                      <a:pt x="76154" y="1201920"/>
                      <a:pt x="68090" y="1205088"/>
                      <a:pt x="60120" y="1206624"/>
                    </a:cubicBezTo>
                    <a:cubicBezTo>
                      <a:pt x="49174" y="1208736"/>
                      <a:pt x="38324" y="1209601"/>
                      <a:pt x="26514" y="1208352"/>
                    </a:cubicBezTo>
                    <a:cubicBezTo>
                      <a:pt x="18161" y="1207488"/>
                      <a:pt x="11343" y="1207104"/>
                      <a:pt x="4814" y="1202015"/>
                    </a:cubicBezTo>
                    <a:cubicBezTo>
                      <a:pt x="3759" y="1201247"/>
                      <a:pt x="1839" y="1201055"/>
                      <a:pt x="398" y="1201152"/>
                    </a:cubicBezTo>
                    <a:lnTo>
                      <a:pt x="0" y="1201150"/>
                    </a:lnTo>
                    <a:lnTo>
                      <a:pt x="0" y="1004512"/>
                    </a:lnTo>
                    <a:lnTo>
                      <a:pt x="30355" y="1002784"/>
                    </a:lnTo>
                    <a:cubicBezTo>
                      <a:pt x="37748" y="1002111"/>
                      <a:pt x="44853" y="999520"/>
                      <a:pt x="52151" y="997695"/>
                    </a:cubicBezTo>
                    <a:cubicBezTo>
                      <a:pt x="56183" y="996639"/>
                      <a:pt x="60504" y="993855"/>
                      <a:pt x="64248" y="994430"/>
                    </a:cubicBezTo>
                    <a:cubicBezTo>
                      <a:pt x="85948" y="997791"/>
                      <a:pt x="105823" y="989534"/>
                      <a:pt x="126370" y="985405"/>
                    </a:cubicBezTo>
                    <a:cubicBezTo>
                      <a:pt x="135876" y="983485"/>
                      <a:pt x="144805" y="978876"/>
                      <a:pt x="154022" y="975708"/>
                    </a:cubicBezTo>
                    <a:cubicBezTo>
                      <a:pt x="156423" y="974843"/>
                      <a:pt x="159111" y="974075"/>
                      <a:pt x="161512" y="974268"/>
                    </a:cubicBezTo>
                    <a:cubicBezTo>
                      <a:pt x="175242" y="975420"/>
                      <a:pt x="188876" y="977052"/>
                      <a:pt x="202510" y="978300"/>
                    </a:cubicBezTo>
                    <a:cubicBezTo>
                      <a:pt x="214896" y="979452"/>
                      <a:pt x="227378" y="979836"/>
                      <a:pt x="233235" y="993950"/>
                    </a:cubicBezTo>
                    <a:cubicBezTo>
                      <a:pt x="234100" y="996159"/>
                      <a:pt x="236979" y="997791"/>
                      <a:pt x="239188" y="999231"/>
                    </a:cubicBezTo>
                    <a:cubicBezTo>
                      <a:pt x="273274" y="1021411"/>
                      <a:pt x="291516" y="1020835"/>
                      <a:pt x="324834" y="997407"/>
                    </a:cubicBezTo>
                    <a:cubicBezTo>
                      <a:pt x="328290" y="995007"/>
                      <a:pt x="335683" y="993278"/>
                      <a:pt x="337987" y="995198"/>
                    </a:cubicBezTo>
                    <a:cubicBezTo>
                      <a:pt x="357575" y="1011137"/>
                      <a:pt x="378986" y="1009409"/>
                      <a:pt x="401550" y="1004416"/>
                    </a:cubicBezTo>
                    <a:cubicBezTo>
                      <a:pt x="407407" y="1003072"/>
                      <a:pt x="415664" y="1003072"/>
                      <a:pt x="420081" y="1006240"/>
                    </a:cubicBezTo>
                    <a:cubicBezTo>
                      <a:pt x="441108" y="1020930"/>
                      <a:pt x="463672" y="1018819"/>
                      <a:pt x="486523" y="1014498"/>
                    </a:cubicBezTo>
                    <a:cubicBezTo>
                      <a:pt x="490075" y="1013826"/>
                      <a:pt x="494397" y="1010177"/>
                      <a:pt x="495932" y="1006817"/>
                    </a:cubicBezTo>
                    <a:cubicBezTo>
                      <a:pt x="501406" y="994911"/>
                      <a:pt x="511680" y="990878"/>
                      <a:pt x="523009" y="987517"/>
                    </a:cubicBezTo>
                    <a:cubicBezTo>
                      <a:pt x="540868" y="982044"/>
                      <a:pt x="558438" y="975611"/>
                      <a:pt x="576393" y="970427"/>
                    </a:cubicBezTo>
                    <a:cubicBezTo>
                      <a:pt x="580811" y="969179"/>
                      <a:pt x="586283" y="969947"/>
                      <a:pt x="590892" y="971387"/>
                    </a:cubicBezTo>
                    <a:cubicBezTo>
                      <a:pt x="606638" y="976284"/>
                      <a:pt x="616624" y="988574"/>
                      <a:pt x="627569" y="999904"/>
                    </a:cubicBezTo>
                    <a:cubicBezTo>
                      <a:pt x="632370" y="1004897"/>
                      <a:pt x="638995" y="1008449"/>
                      <a:pt x="645429" y="1011329"/>
                    </a:cubicBezTo>
                    <a:cubicBezTo>
                      <a:pt x="662135" y="1018723"/>
                      <a:pt x="679226" y="1025348"/>
                      <a:pt x="696125" y="1032356"/>
                    </a:cubicBezTo>
                    <a:cubicBezTo>
                      <a:pt x="697757" y="1033029"/>
                      <a:pt x="699100" y="1034757"/>
                      <a:pt x="700349" y="1036197"/>
                    </a:cubicBezTo>
                    <a:cubicBezTo>
                      <a:pt x="712831" y="1051368"/>
                      <a:pt x="725216" y="1066634"/>
                      <a:pt x="737795" y="1081804"/>
                    </a:cubicBezTo>
                    <a:cubicBezTo>
                      <a:pt x="740195" y="1084684"/>
                      <a:pt x="743652" y="1086797"/>
                      <a:pt x="746244" y="1089581"/>
                    </a:cubicBezTo>
                    <a:cubicBezTo>
                      <a:pt x="749893" y="1093422"/>
                      <a:pt x="754502" y="1097071"/>
                      <a:pt x="756422" y="1101680"/>
                    </a:cubicBezTo>
                    <a:cubicBezTo>
                      <a:pt x="762374" y="1116177"/>
                      <a:pt x="773801" y="1122419"/>
                      <a:pt x="788202" y="1125108"/>
                    </a:cubicBezTo>
                    <a:cubicBezTo>
                      <a:pt x="801357" y="1127603"/>
                      <a:pt x="814511" y="1129716"/>
                      <a:pt x="827569" y="1132596"/>
                    </a:cubicBezTo>
                    <a:cubicBezTo>
                      <a:pt x="843507" y="1136053"/>
                      <a:pt x="859350" y="1139798"/>
                      <a:pt x="875097" y="1144022"/>
                    </a:cubicBezTo>
                    <a:cubicBezTo>
                      <a:pt x="881913" y="1145847"/>
                      <a:pt x="889115" y="1147959"/>
                      <a:pt x="894972" y="1151704"/>
                    </a:cubicBezTo>
                    <a:cubicBezTo>
                      <a:pt x="911390" y="1162073"/>
                      <a:pt x="928961" y="1169082"/>
                      <a:pt x="948260" y="1166298"/>
                    </a:cubicBezTo>
                    <a:cubicBezTo>
                      <a:pt x="963718" y="1164089"/>
                      <a:pt x="976680" y="1169754"/>
                      <a:pt x="986282" y="1178588"/>
                    </a:cubicBezTo>
                    <a:cubicBezTo>
                      <a:pt x="1003757" y="1194623"/>
                      <a:pt x="1022479" y="1190973"/>
                      <a:pt x="1041107" y="1185789"/>
                    </a:cubicBezTo>
                    <a:cubicBezTo>
                      <a:pt x="1050708" y="1183101"/>
                      <a:pt x="1058581" y="1183485"/>
                      <a:pt x="1067703" y="1186076"/>
                    </a:cubicBezTo>
                    <a:cubicBezTo>
                      <a:pt x="1088826" y="1192126"/>
                      <a:pt x="1102941" y="1208544"/>
                      <a:pt x="1116574" y="1222946"/>
                    </a:cubicBezTo>
                    <a:cubicBezTo>
                      <a:pt x="1128193" y="1235236"/>
                      <a:pt x="1141251" y="1242149"/>
                      <a:pt x="1155557" y="1247335"/>
                    </a:cubicBezTo>
                    <a:cubicBezTo>
                      <a:pt x="1173608" y="1253959"/>
                      <a:pt x="1187914" y="1251464"/>
                      <a:pt x="1196556" y="1235525"/>
                    </a:cubicBezTo>
                    <a:cubicBezTo>
                      <a:pt x="1198956" y="1231012"/>
                      <a:pt x="1203180" y="1225730"/>
                      <a:pt x="1207693" y="1224387"/>
                    </a:cubicBezTo>
                    <a:cubicBezTo>
                      <a:pt x="1229488" y="1217666"/>
                      <a:pt x="1251572" y="1207872"/>
                      <a:pt x="1274904" y="1213826"/>
                    </a:cubicBezTo>
                    <a:cubicBezTo>
                      <a:pt x="1307165" y="1221987"/>
                      <a:pt x="1338658" y="1221507"/>
                      <a:pt x="1370919" y="1213442"/>
                    </a:cubicBezTo>
                    <a:cubicBezTo>
                      <a:pt x="1423247" y="1200383"/>
                      <a:pt x="1475575" y="1186557"/>
                      <a:pt x="1530593" y="1189437"/>
                    </a:cubicBezTo>
                    <a:cubicBezTo>
                      <a:pt x="1539713" y="1189917"/>
                      <a:pt x="1550563" y="1184060"/>
                      <a:pt x="1558436" y="1178299"/>
                    </a:cubicBezTo>
                    <a:cubicBezTo>
                      <a:pt x="1573511" y="1167354"/>
                      <a:pt x="1572838" y="1166489"/>
                      <a:pt x="1589737" y="1175515"/>
                    </a:cubicBezTo>
                    <a:cubicBezTo>
                      <a:pt x="1593770" y="1177724"/>
                      <a:pt x="1598763" y="1179068"/>
                      <a:pt x="1601740" y="1182333"/>
                    </a:cubicBezTo>
                    <a:cubicBezTo>
                      <a:pt x="1616909" y="1198943"/>
                      <a:pt x="1635633" y="1194910"/>
                      <a:pt x="1654259" y="1192510"/>
                    </a:cubicBezTo>
                    <a:cubicBezTo>
                      <a:pt x="1657524" y="1192030"/>
                      <a:pt x="1661460" y="1191358"/>
                      <a:pt x="1664246" y="1192702"/>
                    </a:cubicBezTo>
                    <a:cubicBezTo>
                      <a:pt x="1676823" y="1198750"/>
                      <a:pt x="1687481" y="1196639"/>
                      <a:pt x="1698427" y="1188381"/>
                    </a:cubicBezTo>
                    <a:cubicBezTo>
                      <a:pt x="1707932" y="1181276"/>
                      <a:pt x="1718878" y="1177052"/>
                      <a:pt x="1730112" y="1185885"/>
                    </a:cubicBezTo>
                    <a:cubicBezTo>
                      <a:pt x="1755076" y="1205472"/>
                      <a:pt x="1781767" y="1206432"/>
                      <a:pt x="1809996" y="1194046"/>
                    </a:cubicBezTo>
                    <a:cubicBezTo>
                      <a:pt x="1830159" y="1185213"/>
                      <a:pt x="1850034" y="1183196"/>
                      <a:pt x="1871254" y="1192126"/>
                    </a:cubicBezTo>
                    <a:cubicBezTo>
                      <a:pt x="1879415" y="1195582"/>
                      <a:pt x="1889977" y="1193278"/>
                      <a:pt x="1899482" y="1194046"/>
                    </a:cubicBezTo>
                    <a:cubicBezTo>
                      <a:pt x="1904859" y="1194430"/>
                      <a:pt x="1910813" y="1194526"/>
                      <a:pt x="1915420" y="1196927"/>
                    </a:cubicBezTo>
                    <a:cubicBezTo>
                      <a:pt x="1927711" y="1203072"/>
                      <a:pt x="1939136" y="1210945"/>
                      <a:pt x="1951522" y="1216994"/>
                    </a:cubicBezTo>
                    <a:cubicBezTo>
                      <a:pt x="1957475" y="1219874"/>
                      <a:pt x="1964580" y="1221410"/>
                      <a:pt x="1971302" y="1221507"/>
                    </a:cubicBezTo>
                    <a:cubicBezTo>
                      <a:pt x="1991177" y="1221987"/>
                      <a:pt x="2011052" y="1221987"/>
                      <a:pt x="2030831" y="1221123"/>
                    </a:cubicBezTo>
                    <a:cubicBezTo>
                      <a:pt x="2063476" y="1219778"/>
                      <a:pt x="2096601" y="1219490"/>
                      <a:pt x="2120125" y="1190878"/>
                    </a:cubicBezTo>
                    <a:cubicBezTo>
                      <a:pt x="2122046" y="1188573"/>
                      <a:pt x="2126174" y="1187229"/>
                      <a:pt x="2129439" y="1186845"/>
                    </a:cubicBezTo>
                    <a:cubicBezTo>
                      <a:pt x="2144513" y="1185021"/>
                      <a:pt x="2159971" y="1184828"/>
                      <a:pt x="2174854" y="1181852"/>
                    </a:cubicBezTo>
                    <a:cubicBezTo>
                      <a:pt x="2186760" y="1179452"/>
                      <a:pt x="2196650" y="1180220"/>
                      <a:pt x="2205674" y="1188669"/>
                    </a:cubicBezTo>
                    <a:cubicBezTo>
                      <a:pt x="2217485" y="1199807"/>
                      <a:pt x="2231887" y="1206336"/>
                      <a:pt x="2247634" y="1202784"/>
                    </a:cubicBezTo>
                    <a:cubicBezTo>
                      <a:pt x="2263379" y="1199327"/>
                      <a:pt x="2273749" y="1206816"/>
                      <a:pt x="2285367" y="1214594"/>
                    </a:cubicBezTo>
                    <a:cubicBezTo>
                      <a:pt x="2293817" y="1220258"/>
                      <a:pt x="2303418" y="1227363"/>
                      <a:pt x="2312827" y="1227939"/>
                    </a:cubicBezTo>
                    <a:cubicBezTo>
                      <a:pt x="2334143" y="1229187"/>
                      <a:pt x="2352482" y="1248967"/>
                      <a:pt x="2375622" y="1237733"/>
                    </a:cubicBezTo>
                    <a:cubicBezTo>
                      <a:pt x="2377158" y="1236965"/>
                      <a:pt x="2379942" y="1238885"/>
                      <a:pt x="2382151" y="1239365"/>
                    </a:cubicBezTo>
                    <a:cubicBezTo>
                      <a:pt x="2399817" y="1243014"/>
                      <a:pt x="2416428" y="1239461"/>
                      <a:pt x="2429390" y="1227459"/>
                    </a:cubicBezTo>
                    <a:cubicBezTo>
                      <a:pt x="2446385" y="1211809"/>
                      <a:pt x="2465203" y="1210272"/>
                      <a:pt x="2486134" y="1215362"/>
                    </a:cubicBezTo>
                    <a:cubicBezTo>
                      <a:pt x="2492856" y="1216994"/>
                      <a:pt x="2499577" y="1218146"/>
                      <a:pt x="2506394" y="1219490"/>
                    </a:cubicBezTo>
                    <a:cubicBezTo>
                      <a:pt x="2515611" y="1221410"/>
                      <a:pt x="2524925" y="1223427"/>
                      <a:pt x="2534142" y="1225347"/>
                    </a:cubicBezTo>
                    <a:cubicBezTo>
                      <a:pt x="2543072" y="1227268"/>
                      <a:pt x="2552962" y="1230532"/>
                      <a:pt x="2559874" y="1222275"/>
                    </a:cubicBezTo>
                    <a:cubicBezTo>
                      <a:pt x="2565827" y="1215169"/>
                      <a:pt x="2570052" y="1215842"/>
                      <a:pt x="2575525" y="1221987"/>
                    </a:cubicBezTo>
                    <a:cubicBezTo>
                      <a:pt x="2594536" y="1243494"/>
                      <a:pt x="2617580" y="1256936"/>
                      <a:pt x="2646960" y="1257896"/>
                    </a:cubicBezTo>
                    <a:cubicBezTo>
                      <a:pt x="2653009" y="1258088"/>
                      <a:pt x="2659154" y="1259432"/>
                      <a:pt x="2665107" y="1260873"/>
                    </a:cubicBezTo>
                    <a:cubicBezTo>
                      <a:pt x="2668756" y="1261736"/>
                      <a:pt x="2673173" y="1262697"/>
                      <a:pt x="2675381" y="1265290"/>
                    </a:cubicBezTo>
                    <a:cubicBezTo>
                      <a:pt x="2692567" y="1285068"/>
                      <a:pt x="2713979" y="1298799"/>
                      <a:pt x="2737311" y="1309841"/>
                    </a:cubicBezTo>
                    <a:cubicBezTo>
                      <a:pt x="2745664" y="1313777"/>
                      <a:pt x="2754594" y="1317713"/>
                      <a:pt x="2763619" y="1318866"/>
                    </a:cubicBezTo>
                    <a:cubicBezTo>
                      <a:pt x="2773028" y="1320018"/>
                      <a:pt x="2782917" y="1318098"/>
                      <a:pt x="2792519" y="1317041"/>
                    </a:cubicBezTo>
                    <a:cubicBezTo>
                      <a:pt x="2798184" y="1316466"/>
                      <a:pt x="2804713" y="1316561"/>
                      <a:pt x="2809226" y="1313777"/>
                    </a:cubicBezTo>
                    <a:cubicBezTo>
                      <a:pt x="2823532" y="1305039"/>
                      <a:pt x="2837358" y="1295631"/>
                      <a:pt x="2850705" y="1285452"/>
                    </a:cubicBezTo>
                    <a:cubicBezTo>
                      <a:pt x="2862131" y="1276715"/>
                      <a:pt x="2864435" y="1275467"/>
                      <a:pt x="2874324" y="1286413"/>
                    </a:cubicBezTo>
                    <a:cubicBezTo>
                      <a:pt x="2884502" y="1297647"/>
                      <a:pt x="2897176" y="1303503"/>
                      <a:pt x="2911194" y="1305903"/>
                    </a:cubicBezTo>
                    <a:cubicBezTo>
                      <a:pt x="2933373" y="1309648"/>
                      <a:pt x="2955745" y="1312816"/>
                      <a:pt x="2978116" y="1314641"/>
                    </a:cubicBezTo>
                    <a:cubicBezTo>
                      <a:pt x="2998375" y="1316273"/>
                      <a:pt x="3008073" y="1307440"/>
                      <a:pt x="3012106" y="1287373"/>
                    </a:cubicBezTo>
                    <a:cubicBezTo>
                      <a:pt x="3014410" y="1276235"/>
                      <a:pt x="3017387" y="1264137"/>
                      <a:pt x="3029676" y="1261161"/>
                    </a:cubicBezTo>
                    <a:cubicBezTo>
                      <a:pt x="3049744" y="1256360"/>
                      <a:pt x="3070579" y="1254248"/>
                      <a:pt x="3080469" y="1230724"/>
                    </a:cubicBezTo>
                    <a:cubicBezTo>
                      <a:pt x="3085941" y="1235909"/>
                      <a:pt x="3089302" y="1238981"/>
                      <a:pt x="3092567" y="1242054"/>
                    </a:cubicBezTo>
                    <a:cubicBezTo>
                      <a:pt x="3101592" y="1250599"/>
                      <a:pt x="3120314" y="1254248"/>
                      <a:pt x="3129821" y="1246855"/>
                    </a:cubicBezTo>
                    <a:cubicBezTo>
                      <a:pt x="3143839" y="1236101"/>
                      <a:pt x="3156705" y="1238117"/>
                      <a:pt x="3170147" y="1246471"/>
                    </a:cubicBezTo>
                    <a:cubicBezTo>
                      <a:pt x="3192615" y="1260297"/>
                      <a:pt x="3217674" y="1257128"/>
                      <a:pt x="3240429" y="1251559"/>
                    </a:cubicBezTo>
                    <a:cubicBezTo>
                      <a:pt x="3257617" y="1247430"/>
                      <a:pt x="3275956" y="1239845"/>
                      <a:pt x="3287189" y="1222466"/>
                    </a:cubicBezTo>
                    <a:cubicBezTo>
                      <a:pt x="3290741" y="1216898"/>
                      <a:pt x="3298711" y="1214113"/>
                      <a:pt x="3305049" y="1210465"/>
                    </a:cubicBezTo>
                    <a:cubicBezTo>
                      <a:pt x="3310329" y="1207488"/>
                      <a:pt x="3315898" y="1204704"/>
                      <a:pt x="3321755" y="1202784"/>
                    </a:cubicBezTo>
                    <a:cubicBezTo>
                      <a:pt x="3327995" y="1200671"/>
                      <a:pt x="3334909" y="1197598"/>
                      <a:pt x="3341055" y="1198463"/>
                    </a:cubicBezTo>
                    <a:cubicBezTo>
                      <a:pt x="3359681" y="1200959"/>
                      <a:pt x="3374467" y="1196062"/>
                      <a:pt x="3387621" y="1182140"/>
                    </a:cubicBezTo>
                    <a:cubicBezTo>
                      <a:pt x="3394439" y="1174939"/>
                      <a:pt x="3404520" y="1166202"/>
                      <a:pt x="3413161" y="1166105"/>
                    </a:cubicBezTo>
                    <a:cubicBezTo>
                      <a:pt x="3434189" y="1165818"/>
                      <a:pt x="3451663" y="1158905"/>
                      <a:pt x="3470579" y="1150647"/>
                    </a:cubicBezTo>
                    <a:cubicBezTo>
                      <a:pt x="3482772" y="1145366"/>
                      <a:pt x="3496598" y="1141718"/>
                      <a:pt x="3509657" y="1136821"/>
                    </a:cubicBezTo>
                    <a:cubicBezTo>
                      <a:pt x="3524923" y="1131060"/>
                      <a:pt x="3541534" y="1128948"/>
                      <a:pt x="3550847" y="1113009"/>
                    </a:cubicBezTo>
                    <a:cubicBezTo>
                      <a:pt x="3551903" y="1111281"/>
                      <a:pt x="3555072" y="1110993"/>
                      <a:pt x="3556608" y="1109361"/>
                    </a:cubicBezTo>
                    <a:cubicBezTo>
                      <a:pt x="3561505" y="1104368"/>
                      <a:pt x="3567842" y="1099760"/>
                      <a:pt x="3570435" y="1093710"/>
                    </a:cubicBezTo>
                    <a:cubicBezTo>
                      <a:pt x="3577923" y="1076044"/>
                      <a:pt x="3583780" y="1057800"/>
                      <a:pt x="3590501" y="1039846"/>
                    </a:cubicBezTo>
                    <a:cubicBezTo>
                      <a:pt x="3591942" y="1036005"/>
                      <a:pt x="3593285" y="1031108"/>
                      <a:pt x="3596263" y="1028900"/>
                    </a:cubicBezTo>
                    <a:cubicBezTo>
                      <a:pt x="3613449" y="1016226"/>
                      <a:pt x="3630925" y="1004032"/>
                      <a:pt x="3648591" y="992030"/>
                    </a:cubicBezTo>
                    <a:cubicBezTo>
                      <a:pt x="3655696" y="987229"/>
                      <a:pt x="3661649" y="989918"/>
                      <a:pt x="3667986" y="995487"/>
                    </a:cubicBezTo>
                    <a:cubicBezTo>
                      <a:pt x="3674131" y="1000768"/>
                      <a:pt x="3681717" y="1006240"/>
                      <a:pt x="3689397" y="1007585"/>
                    </a:cubicBezTo>
                    <a:cubicBezTo>
                      <a:pt x="3704760" y="1010177"/>
                      <a:pt x="3720698" y="1010753"/>
                      <a:pt x="3736349" y="1010753"/>
                    </a:cubicBezTo>
                    <a:cubicBezTo>
                      <a:pt x="3742205" y="1010753"/>
                      <a:pt x="3748446" y="1007297"/>
                      <a:pt x="3753919" y="1004513"/>
                    </a:cubicBezTo>
                    <a:cubicBezTo>
                      <a:pt x="3764289" y="999231"/>
                      <a:pt x="3773890" y="992126"/>
                      <a:pt x="3784643" y="987710"/>
                    </a:cubicBezTo>
                    <a:cubicBezTo>
                      <a:pt x="3797126" y="982621"/>
                      <a:pt x="3804615" y="974459"/>
                      <a:pt x="3808359" y="961689"/>
                    </a:cubicBezTo>
                    <a:cubicBezTo>
                      <a:pt x="3813929" y="942679"/>
                      <a:pt x="3827179" y="929428"/>
                      <a:pt x="3842829" y="918674"/>
                    </a:cubicBezTo>
                    <a:cubicBezTo>
                      <a:pt x="3862705" y="904944"/>
                      <a:pt x="3886421" y="905616"/>
                      <a:pt x="3908983" y="902256"/>
                    </a:cubicBezTo>
                    <a:cubicBezTo>
                      <a:pt x="3917625" y="901008"/>
                      <a:pt x="3926555" y="899951"/>
                      <a:pt x="3934428" y="896783"/>
                    </a:cubicBezTo>
                    <a:cubicBezTo>
                      <a:pt x="3964288" y="884877"/>
                      <a:pt x="3994149" y="873548"/>
                      <a:pt x="4026987" y="873835"/>
                    </a:cubicBezTo>
                    <a:cubicBezTo>
                      <a:pt x="4029674" y="873835"/>
                      <a:pt x="4032363" y="873548"/>
                      <a:pt x="4035051" y="873067"/>
                    </a:cubicBezTo>
                    <a:cubicBezTo>
                      <a:pt x="4058383" y="869131"/>
                      <a:pt x="4082483" y="867594"/>
                      <a:pt x="4099189" y="846664"/>
                    </a:cubicBezTo>
                    <a:cubicBezTo>
                      <a:pt x="4102261" y="842823"/>
                      <a:pt x="4109271" y="841671"/>
                      <a:pt x="4114647" y="840134"/>
                    </a:cubicBezTo>
                    <a:cubicBezTo>
                      <a:pt x="4123961" y="837638"/>
                      <a:pt x="4130203" y="832549"/>
                      <a:pt x="4133563" y="823427"/>
                    </a:cubicBezTo>
                    <a:cubicBezTo>
                      <a:pt x="4139229" y="807681"/>
                      <a:pt x="4145949" y="792223"/>
                      <a:pt x="4151039" y="776284"/>
                    </a:cubicBezTo>
                    <a:cubicBezTo>
                      <a:pt x="4154591" y="765338"/>
                      <a:pt x="4161215" y="759289"/>
                      <a:pt x="4171489" y="754776"/>
                    </a:cubicBezTo>
                    <a:cubicBezTo>
                      <a:pt x="4177251" y="752280"/>
                      <a:pt x="4182243" y="746808"/>
                      <a:pt x="4186372" y="741718"/>
                    </a:cubicBezTo>
                    <a:cubicBezTo>
                      <a:pt x="4191365" y="735573"/>
                      <a:pt x="4193957" y="727412"/>
                      <a:pt x="4199429" y="721940"/>
                    </a:cubicBezTo>
                    <a:cubicBezTo>
                      <a:pt x="4212775" y="708305"/>
                      <a:pt x="4216905" y="693231"/>
                      <a:pt x="4212487" y="674604"/>
                    </a:cubicBezTo>
                    <a:cubicBezTo>
                      <a:pt x="4208551" y="658090"/>
                      <a:pt x="4218921" y="636006"/>
                      <a:pt x="4232555" y="632645"/>
                    </a:cubicBezTo>
                    <a:cubicBezTo>
                      <a:pt x="4247629" y="628900"/>
                      <a:pt x="4257999" y="619684"/>
                      <a:pt x="4268657" y="609410"/>
                    </a:cubicBezTo>
                    <a:cubicBezTo>
                      <a:pt x="4274609" y="603649"/>
                      <a:pt x="4282963" y="598656"/>
                      <a:pt x="4291028" y="597216"/>
                    </a:cubicBezTo>
                    <a:cubicBezTo>
                      <a:pt x="4321657" y="591647"/>
                      <a:pt x="4350557" y="598464"/>
                      <a:pt x="4379651" y="609506"/>
                    </a:cubicBezTo>
                    <a:cubicBezTo>
                      <a:pt x="4398661" y="616707"/>
                      <a:pt x="4419784" y="618627"/>
                      <a:pt x="4440139" y="621507"/>
                    </a:cubicBezTo>
                    <a:cubicBezTo>
                      <a:pt x="4446477" y="622371"/>
                      <a:pt x="4454542" y="620452"/>
                      <a:pt x="4460015" y="616899"/>
                    </a:cubicBezTo>
                    <a:cubicBezTo>
                      <a:pt x="4479218" y="604609"/>
                      <a:pt x="4498325" y="591935"/>
                      <a:pt x="4516183" y="577724"/>
                    </a:cubicBezTo>
                    <a:cubicBezTo>
                      <a:pt x="4532795" y="564379"/>
                      <a:pt x="4551517" y="558810"/>
                      <a:pt x="4571681" y="560250"/>
                    </a:cubicBezTo>
                    <a:cubicBezTo>
                      <a:pt x="4586371" y="561306"/>
                      <a:pt x="4599621" y="558905"/>
                      <a:pt x="4613447" y="555257"/>
                    </a:cubicBezTo>
                    <a:cubicBezTo>
                      <a:pt x="4624969" y="552185"/>
                      <a:pt x="4637643" y="550072"/>
                      <a:pt x="4649355" y="551417"/>
                    </a:cubicBezTo>
                    <a:cubicBezTo>
                      <a:pt x="4665775" y="553337"/>
                      <a:pt x="4679313" y="550553"/>
                      <a:pt x="4692467" y="540663"/>
                    </a:cubicBezTo>
                    <a:cubicBezTo>
                      <a:pt x="4699476" y="535382"/>
                      <a:pt x="4708502" y="532598"/>
                      <a:pt x="4716855" y="528949"/>
                    </a:cubicBezTo>
                    <a:cubicBezTo>
                      <a:pt x="4729721" y="523284"/>
                      <a:pt x="4743067" y="518483"/>
                      <a:pt x="4755645" y="512147"/>
                    </a:cubicBezTo>
                    <a:cubicBezTo>
                      <a:pt x="4769183" y="505425"/>
                      <a:pt x="4781569" y="496112"/>
                      <a:pt x="4795395" y="490351"/>
                    </a:cubicBezTo>
                    <a:cubicBezTo>
                      <a:pt x="4810278" y="484110"/>
                      <a:pt x="4819879" y="474605"/>
                      <a:pt x="4825928" y="459818"/>
                    </a:cubicBezTo>
                    <a:cubicBezTo>
                      <a:pt x="4829769" y="450504"/>
                      <a:pt x="4835049" y="440615"/>
                      <a:pt x="4842347" y="434086"/>
                    </a:cubicBezTo>
                    <a:cubicBezTo>
                      <a:pt x="4857422" y="420740"/>
                      <a:pt x="4875087" y="410370"/>
                      <a:pt x="4890451" y="397216"/>
                    </a:cubicBezTo>
                    <a:cubicBezTo>
                      <a:pt x="4912054" y="378781"/>
                      <a:pt x="4932025" y="359194"/>
                      <a:pt x="4933945" y="327701"/>
                    </a:cubicBezTo>
                    <a:cubicBezTo>
                      <a:pt x="4935001" y="310322"/>
                      <a:pt x="4944219" y="302929"/>
                      <a:pt x="4961214" y="298801"/>
                    </a:cubicBezTo>
                    <a:cubicBezTo>
                      <a:pt x="4966878" y="297457"/>
                      <a:pt x="4974945" y="294864"/>
                      <a:pt x="4976672" y="290639"/>
                    </a:cubicBezTo>
                    <a:cubicBezTo>
                      <a:pt x="4981857" y="278061"/>
                      <a:pt x="4992610" y="275565"/>
                      <a:pt x="5002979" y="270573"/>
                    </a:cubicBezTo>
                    <a:cubicBezTo>
                      <a:pt x="5009221" y="267596"/>
                      <a:pt x="5016903" y="261739"/>
                      <a:pt x="5018535" y="255690"/>
                    </a:cubicBezTo>
                    <a:cubicBezTo>
                      <a:pt x="5025255" y="231206"/>
                      <a:pt x="5043690" y="216804"/>
                      <a:pt x="5061069" y="200961"/>
                    </a:cubicBezTo>
                    <a:cubicBezTo>
                      <a:pt x="5066158" y="196256"/>
                      <a:pt x="5071631" y="190879"/>
                      <a:pt x="5074127" y="184735"/>
                    </a:cubicBezTo>
                    <a:cubicBezTo>
                      <a:pt x="5079409" y="171484"/>
                      <a:pt x="5087281" y="161882"/>
                      <a:pt x="5101108" y="156891"/>
                    </a:cubicBezTo>
                    <a:cubicBezTo>
                      <a:pt x="5105524" y="155354"/>
                      <a:pt x="5109557" y="151801"/>
                      <a:pt x="5112918" y="148441"/>
                    </a:cubicBezTo>
                    <a:cubicBezTo>
                      <a:pt x="5120119" y="141144"/>
                      <a:pt x="5126167" y="132598"/>
                      <a:pt x="5133753" y="125782"/>
                    </a:cubicBezTo>
                    <a:cubicBezTo>
                      <a:pt x="5153051" y="108211"/>
                      <a:pt x="5172159" y="90928"/>
                      <a:pt x="5183393" y="66348"/>
                    </a:cubicBezTo>
                    <a:cubicBezTo>
                      <a:pt x="5188865" y="54346"/>
                      <a:pt x="5195107" y="41288"/>
                      <a:pt x="5204709" y="33030"/>
                    </a:cubicBezTo>
                    <a:cubicBezTo>
                      <a:pt x="5216903" y="22565"/>
                      <a:pt x="5232937" y="16612"/>
                      <a:pt x="5247243" y="8451"/>
                    </a:cubicBezTo>
                    <a:close/>
                  </a:path>
                </a:pathLst>
              </a:custGeom>
              <a:blipFill dpi="0" rotWithShape="1">
                <a:blip r:embed="rId2">
                  <a:alphaModFix amt="57000"/>
                </a:blip>
                <a:srcRect/>
                <a:tile tx="0" ty="0" sx="100000" sy="100000" flip="none" algn="tl"/>
              </a:blipFill>
              <a:ln>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grpSp>
      </p:grpSp>
      <p:pic>
        <p:nvPicPr>
          <p:cNvPr id="5" name="Content Placeholder 4">
            <a:extLst>
              <a:ext uri="{FF2B5EF4-FFF2-40B4-BE49-F238E27FC236}">
                <a16:creationId xmlns:a16="http://schemas.microsoft.com/office/drawing/2014/main" id="{46BFF050-8FF2-B1D9-5976-80A0E20DBAFE}"/>
              </a:ext>
            </a:extLst>
          </p:cNvPr>
          <p:cNvPicPr>
            <a:picLocks noGrp="1" noChangeAspect="1"/>
          </p:cNvPicPr>
          <p:nvPr>
            <p:ph idx="1"/>
          </p:nvPr>
        </p:nvPicPr>
        <p:blipFill>
          <a:blip r:embed="rId3"/>
          <a:stretch>
            <a:fillRect/>
          </a:stretch>
        </p:blipFill>
        <p:spPr>
          <a:xfrm>
            <a:off x="1273091" y="2548106"/>
            <a:ext cx="4369112" cy="1983248"/>
          </a:xfrm>
          <a:prstGeom prst="rect">
            <a:avLst/>
          </a:prstGeom>
        </p:spPr>
      </p:pic>
      <p:sp>
        <p:nvSpPr>
          <p:cNvPr id="4" name="Text Placeholder 3">
            <a:extLst>
              <a:ext uri="{FF2B5EF4-FFF2-40B4-BE49-F238E27FC236}">
                <a16:creationId xmlns:a16="http://schemas.microsoft.com/office/drawing/2014/main" id="{030F49ED-4C89-8B99-691A-4FF4D8FF359E}"/>
              </a:ext>
            </a:extLst>
          </p:cNvPr>
          <p:cNvSpPr>
            <a:spLocks noGrp="1"/>
          </p:cNvSpPr>
          <p:nvPr>
            <p:ph type="body" sz="half" idx="2"/>
          </p:nvPr>
        </p:nvSpPr>
        <p:spPr>
          <a:xfrm>
            <a:off x="6981826" y="3146400"/>
            <a:ext cx="4391024" cy="2454300"/>
          </a:xfrm>
        </p:spPr>
        <p:txBody>
          <a:bodyPr vert="horz" lIns="91440" tIns="45720" rIns="91440" bIns="45720" rtlCol="0">
            <a:normAutofit/>
          </a:bodyPr>
          <a:lstStyle/>
          <a:p>
            <a:pPr indent="-228600">
              <a:buFont typeface="Arial" panose="020B0604020202020204" pitchFamily="34" charset="0"/>
              <a:buChar char="•"/>
            </a:pPr>
            <a:r>
              <a:rPr lang="en-US" sz="2400" dirty="0">
                <a:solidFill>
                  <a:schemeClr val="bg1">
                    <a:alpha val="80000"/>
                  </a:schemeClr>
                </a:solidFill>
                <a:latin typeface="+mn-lt"/>
              </a:rPr>
              <a:t>Review of IL PQC</a:t>
            </a:r>
          </a:p>
          <a:p>
            <a:pPr indent="-228600">
              <a:buFont typeface="Arial" panose="020B0604020202020204" pitchFamily="34" charset="0"/>
              <a:buChar char="•"/>
            </a:pPr>
            <a:r>
              <a:rPr lang="en-US" sz="2400" dirty="0">
                <a:solidFill>
                  <a:schemeClr val="bg1">
                    <a:alpha val="80000"/>
                  </a:schemeClr>
                </a:solidFill>
                <a:latin typeface="+mn-lt"/>
              </a:rPr>
              <a:t>Initiatives</a:t>
            </a:r>
          </a:p>
          <a:p>
            <a:pPr indent="-228600">
              <a:buFont typeface="Arial" panose="020B0604020202020204" pitchFamily="34" charset="0"/>
              <a:buChar char="•"/>
            </a:pPr>
            <a:r>
              <a:rPr lang="en-US" sz="2400" dirty="0">
                <a:solidFill>
                  <a:schemeClr val="bg1">
                    <a:alpha val="80000"/>
                  </a:schemeClr>
                </a:solidFill>
                <a:latin typeface="+mn-lt"/>
              </a:rPr>
              <a:t>Question ~ Answer</a:t>
            </a:r>
          </a:p>
        </p:txBody>
      </p:sp>
      <p:pic>
        <p:nvPicPr>
          <p:cNvPr id="6" name="Picture 5">
            <a:extLst>
              <a:ext uri="{FF2B5EF4-FFF2-40B4-BE49-F238E27FC236}">
                <a16:creationId xmlns:a16="http://schemas.microsoft.com/office/drawing/2014/main" id="{B7F509D6-B4A2-E327-71CC-59BB55919755}"/>
              </a:ext>
            </a:extLst>
          </p:cNvPr>
          <p:cNvPicPr>
            <a:picLocks noChangeAspect="1"/>
          </p:cNvPicPr>
          <p:nvPr/>
        </p:nvPicPr>
        <p:blipFill rotWithShape="1">
          <a:blip r:embed="rId4"/>
          <a:srcRect l="8632" t="22134" r="12462" b="22135"/>
          <a:stretch/>
        </p:blipFill>
        <p:spPr>
          <a:xfrm>
            <a:off x="7086857" y="4741164"/>
            <a:ext cx="4106419" cy="1719072"/>
          </a:xfrm>
          <a:prstGeom prst="rect">
            <a:avLst/>
          </a:prstGeom>
        </p:spPr>
      </p:pic>
    </p:spTree>
    <p:extLst>
      <p:ext uri="{BB962C8B-B14F-4D97-AF65-F5344CB8AC3E}">
        <p14:creationId xmlns:p14="http://schemas.microsoft.com/office/powerpoint/2010/main" val="64513575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10" name="Rectangle 9">
            <a:extLst>
              <a:ext uri="{FF2B5EF4-FFF2-40B4-BE49-F238E27FC236}">
                <a16:creationId xmlns:a16="http://schemas.microsoft.com/office/drawing/2014/main" id="{B95B9BA8-1D69-4796-85F5-B6D0BD52354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5E28A668-F671-4B67-6BAE-31E7DE39D373}"/>
              </a:ext>
            </a:extLst>
          </p:cNvPr>
          <p:cNvSpPr>
            <a:spLocks noGrp="1"/>
          </p:cNvSpPr>
          <p:nvPr>
            <p:ph type="title"/>
          </p:nvPr>
        </p:nvSpPr>
        <p:spPr>
          <a:xfrm>
            <a:off x="838200" y="1641752"/>
            <a:ext cx="4391024" cy="1323439"/>
          </a:xfrm>
        </p:spPr>
        <p:txBody>
          <a:bodyPr vert="horz" lIns="91440" tIns="45720" rIns="91440" bIns="45720" rtlCol="0" anchor="t">
            <a:normAutofit/>
          </a:bodyPr>
          <a:lstStyle/>
          <a:p>
            <a:r>
              <a:rPr lang="en-US" sz="4000">
                <a:solidFill>
                  <a:schemeClr val="bg1"/>
                </a:solidFill>
                <a:latin typeface="+mj-lt"/>
                <a:cs typeface="+mj-cs"/>
              </a:rPr>
              <a:t>Closing</a:t>
            </a:r>
          </a:p>
        </p:txBody>
      </p:sp>
      <p:sp>
        <p:nvSpPr>
          <p:cNvPr id="4" name="Text Placeholder 3">
            <a:extLst>
              <a:ext uri="{FF2B5EF4-FFF2-40B4-BE49-F238E27FC236}">
                <a16:creationId xmlns:a16="http://schemas.microsoft.com/office/drawing/2014/main" id="{F3C9D2FC-FA1A-FBC3-F9B2-1BA8DD97D2B0}"/>
              </a:ext>
            </a:extLst>
          </p:cNvPr>
          <p:cNvSpPr>
            <a:spLocks noGrp="1"/>
          </p:cNvSpPr>
          <p:nvPr>
            <p:ph type="body" sz="half" idx="2"/>
          </p:nvPr>
        </p:nvSpPr>
        <p:spPr>
          <a:xfrm>
            <a:off x="838200" y="3146400"/>
            <a:ext cx="4391024" cy="2862288"/>
          </a:xfrm>
        </p:spPr>
        <p:txBody>
          <a:bodyPr vert="horz" lIns="91440" tIns="45720" rIns="91440" bIns="45720" rtlCol="0">
            <a:normAutofit/>
          </a:bodyPr>
          <a:lstStyle/>
          <a:p>
            <a:pPr indent="-228600">
              <a:buFont typeface="Arial" panose="020B0604020202020204" pitchFamily="34" charset="0"/>
              <a:buChar char="•"/>
            </a:pPr>
            <a:r>
              <a:rPr lang="en-US" sz="1900">
                <a:solidFill>
                  <a:schemeClr val="bg1">
                    <a:alpha val="80000"/>
                  </a:schemeClr>
                </a:solidFill>
                <a:latin typeface="+mn-lt"/>
              </a:rPr>
              <a:t>Dear God, </a:t>
            </a:r>
          </a:p>
          <a:p>
            <a:pPr indent="-228600">
              <a:buFont typeface="Arial" panose="020B0604020202020204" pitchFamily="34" charset="0"/>
              <a:buChar char="•"/>
            </a:pPr>
            <a:r>
              <a:rPr lang="en-US" sz="1900">
                <a:solidFill>
                  <a:schemeClr val="bg1">
                    <a:alpha val="80000"/>
                  </a:schemeClr>
                </a:solidFill>
                <a:latin typeface="+mn-lt"/>
              </a:rPr>
              <a:t>Bless our last day of February with miracles and blessings. Help me walk into the month of March with a better approach, mind, and attitude! I pray today that you do the impossible in our lives and in others. Heal bodies and minds, change lives, and turn situations around! </a:t>
            </a:r>
          </a:p>
          <a:p>
            <a:pPr indent="-228600">
              <a:buFont typeface="Arial" panose="020B0604020202020204" pitchFamily="34" charset="0"/>
              <a:buChar char="•"/>
            </a:pPr>
            <a:r>
              <a:rPr lang="en-US" sz="1900">
                <a:solidFill>
                  <a:schemeClr val="bg1">
                    <a:alpha val="80000"/>
                  </a:schemeClr>
                </a:solidFill>
                <a:latin typeface="+mn-lt"/>
              </a:rPr>
              <a:t>In Jesus’ name, Amen. </a:t>
            </a:r>
          </a:p>
        </p:txBody>
      </p:sp>
      <p:pic>
        <p:nvPicPr>
          <p:cNvPr id="5" name="Picture Placeholder 4">
            <a:extLst>
              <a:ext uri="{FF2B5EF4-FFF2-40B4-BE49-F238E27FC236}">
                <a16:creationId xmlns:a16="http://schemas.microsoft.com/office/drawing/2014/main" id="{C49263BE-0284-1975-AE78-2F381EA3E614}"/>
              </a:ext>
            </a:extLst>
          </p:cNvPr>
          <p:cNvPicPr>
            <a:picLocks noGrp="1" noChangeAspect="1"/>
          </p:cNvPicPr>
          <p:nvPr>
            <p:ph type="pic" idx="1"/>
          </p:nvPr>
        </p:nvPicPr>
        <p:blipFill rotWithShape="1">
          <a:blip r:embed="rId2"/>
          <a:srcRect l="3615" r="11438" b="-3"/>
          <a:stretch/>
        </p:blipFill>
        <p:spPr>
          <a:xfrm>
            <a:off x="6096000" y="841375"/>
            <a:ext cx="5260975" cy="4645025"/>
          </a:xfrm>
          <a:custGeom>
            <a:avLst/>
            <a:gdLst/>
            <a:ahLst/>
            <a:cxnLst/>
            <a:rect l="l" t="t" r="r" b="b"/>
            <a:pathLst>
              <a:path w="5260975" h="4707593">
                <a:moveTo>
                  <a:pt x="0" y="0"/>
                </a:moveTo>
                <a:lnTo>
                  <a:pt x="5260975" y="0"/>
                </a:lnTo>
                <a:lnTo>
                  <a:pt x="5260975" y="3296937"/>
                </a:lnTo>
                <a:lnTo>
                  <a:pt x="5260975" y="3518571"/>
                </a:lnTo>
                <a:lnTo>
                  <a:pt x="5226503" y="3534000"/>
                </a:lnTo>
                <a:cubicBezTo>
                  <a:pt x="5219783" y="3536785"/>
                  <a:pt x="5212389" y="3538321"/>
                  <a:pt x="5206341" y="3542065"/>
                </a:cubicBezTo>
                <a:cubicBezTo>
                  <a:pt x="5178495" y="3559156"/>
                  <a:pt x="5151515" y="3577591"/>
                  <a:pt x="5123287" y="3594010"/>
                </a:cubicBezTo>
                <a:cubicBezTo>
                  <a:pt x="5094195" y="3611004"/>
                  <a:pt x="5068175" y="3631071"/>
                  <a:pt x="5048107" y="3658244"/>
                </a:cubicBezTo>
                <a:cubicBezTo>
                  <a:pt x="5029480" y="3683496"/>
                  <a:pt x="5011429" y="3709131"/>
                  <a:pt x="4992899" y="3734479"/>
                </a:cubicBezTo>
                <a:cubicBezTo>
                  <a:pt x="4988194" y="3740912"/>
                  <a:pt x="4983873" y="3748498"/>
                  <a:pt x="4977440" y="3752627"/>
                </a:cubicBezTo>
                <a:cubicBezTo>
                  <a:pt x="4964094" y="3761268"/>
                  <a:pt x="4949499" y="3768277"/>
                  <a:pt x="4935193" y="3775382"/>
                </a:cubicBezTo>
                <a:cubicBezTo>
                  <a:pt x="4922903" y="3781431"/>
                  <a:pt x="4909845" y="3785943"/>
                  <a:pt x="4897844" y="3792472"/>
                </a:cubicBezTo>
                <a:cubicBezTo>
                  <a:pt x="4888243" y="3797658"/>
                  <a:pt x="4879697" y="3804859"/>
                  <a:pt x="4870767" y="3811388"/>
                </a:cubicBezTo>
                <a:cubicBezTo>
                  <a:pt x="4862990" y="3817052"/>
                  <a:pt x="4854445" y="3821949"/>
                  <a:pt x="4847916" y="3828767"/>
                </a:cubicBezTo>
                <a:cubicBezTo>
                  <a:pt x="4831977" y="3845281"/>
                  <a:pt x="4815942" y="3861508"/>
                  <a:pt x="4796163" y="3873702"/>
                </a:cubicBezTo>
                <a:cubicBezTo>
                  <a:pt x="4776672" y="3885799"/>
                  <a:pt x="4758237" y="3899338"/>
                  <a:pt x="4738843" y="3911628"/>
                </a:cubicBezTo>
                <a:cubicBezTo>
                  <a:pt x="4719831" y="3923630"/>
                  <a:pt x="4702645" y="3936783"/>
                  <a:pt x="4692755" y="3958099"/>
                </a:cubicBezTo>
                <a:cubicBezTo>
                  <a:pt x="4688339" y="3967508"/>
                  <a:pt x="4682097" y="3977782"/>
                  <a:pt x="4673744" y="3983255"/>
                </a:cubicBezTo>
                <a:cubicBezTo>
                  <a:pt x="4661838" y="3991032"/>
                  <a:pt x="4646764" y="3993817"/>
                  <a:pt x="4633801" y="4000442"/>
                </a:cubicBezTo>
                <a:cubicBezTo>
                  <a:pt x="4618535" y="4008219"/>
                  <a:pt x="4600869" y="4014940"/>
                  <a:pt x="4590499" y="4027326"/>
                </a:cubicBezTo>
                <a:cubicBezTo>
                  <a:pt x="4581281" y="4038368"/>
                  <a:pt x="4571968" y="4047009"/>
                  <a:pt x="4559773" y="4054018"/>
                </a:cubicBezTo>
                <a:cubicBezTo>
                  <a:pt x="4551229" y="4058915"/>
                  <a:pt x="4544892" y="4067844"/>
                  <a:pt x="4536059" y="4071877"/>
                </a:cubicBezTo>
                <a:cubicBezTo>
                  <a:pt x="4524441" y="4077254"/>
                  <a:pt x="4512727" y="4081479"/>
                  <a:pt x="4502549" y="4089832"/>
                </a:cubicBezTo>
                <a:cubicBezTo>
                  <a:pt x="4491987" y="4098473"/>
                  <a:pt x="4479986" y="4105290"/>
                  <a:pt x="4468944" y="4113356"/>
                </a:cubicBezTo>
                <a:cubicBezTo>
                  <a:pt x="4463087" y="4117676"/>
                  <a:pt x="4458286" y="4123341"/>
                  <a:pt x="4452622" y="4127854"/>
                </a:cubicBezTo>
                <a:cubicBezTo>
                  <a:pt x="4442252" y="4136111"/>
                  <a:pt x="4431690" y="4144176"/>
                  <a:pt x="4421032" y="4151953"/>
                </a:cubicBezTo>
                <a:cubicBezTo>
                  <a:pt x="4410375" y="4159731"/>
                  <a:pt x="4400197" y="4168756"/>
                  <a:pt x="4388483" y="4174421"/>
                </a:cubicBezTo>
                <a:cubicBezTo>
                  <a:pt x="4368513" y="4184023"/>
                  <a:pt x="4346717" y="4189784"/>
                  <a:pt x="4327321" y="4200153"/>
                </a:cubicBezTo>
                <a:cubicBezTo>
                  <a:pt x="4307639" y="4210714"/>
                  <a:pt x="4289107" y="4223965"/>
                  <a:pt x="4271633" y="4237983"/>
                </a:cubicBezTo>
                <a:cubicBezTo>
                  <a:pt x="4257807" y="4249025"/>
                  <a:pt x="4244845" y="4259971"/>
                  <a:pt x="4227465" y="4265635"/>
                </a:cubicBezTo>
                <a:cubicBezTo>
                  <a:pt x="4217768" y="4268804"/>
                  <a:pt x="4207591" y="4275717"/>
                  <a:pt x="4201733" y="4283783"/>
                </a:cubicBezTo>
                <a:cubicBezTo>
                  <a:pt x="4189059" y="4301353"/>
                  <a:pt x="4172833" y="4313739"/>
                  <a:pt x="4154494" y="4324301"/>
                </a:cubicBezTo>
                <a:cubicBezTo>
                  <a:pt x="4130010" y="4338511"/>
                  <a:pt x="4105814" y="4353009"/>
                  <a:pt x="4081234" y="4366931"/>
                </a:cubicBezTo>
                <a:cubicBezTo>
                  <a:pt x="4066737" y="4375189"/>
                  <a:pt x="4052335" y="4383926"/>
                  <a:pt x="4036971" y="4389975"/>
                </a:cubicBezTo>
                <a:cubicBezTo>
                  <a:pt x="4005575" y="4402457"/>
                  <a:pt x="3973410" y="4413114"/>
                  <a:pt x="3941725" y="4424733"/>
                </a:cubicBezTo>
                <a:cubicBezTo>
                  <a:pt x="3931355" y="4428477"/>
                  <a:pt x="3921561" y="4433854"/>
                  <a:pt x="3910999" y="4437119"/>
                </a:cubicBezTo>
                <a:cubicBezTo>
                  <a:pt x="3899573" y="4440671"/>
                  <a:pt x="3887285" y="4441727"/>
                  <a:pt x="3875859" y="4445280"/>
                </a:cubicBezTo>
                <a:cubicBezTo>
                  <a:pt x="3856847" y="4451136"/>
                  <a:pt x="3838412" y="4458626"/>
                  <a:pt x="3819401" y="4464579"/>
                </a:cubicBezTo>
                <a:cubicBezTo>
                  <a:pt x="3782723" y="4476005"/>
                  <a:pt x="3745949" y="4486951"/>
                  <a:pt x="3709176" y="4497800"/>
                </a:cubicBezTo>
                <a:cubicBezTo>
                  <a:pt x="3701303" y="4500105"/>
                  <a:pt x="3692757" y="4500393"/>
                  <a:pt x="3684981" y="4502889"/>
                </a:cubicBezTo>
                <a:cubicBezTo>
                  <a:pt x="3664337" y="4509610"/>
                  <a:pt x="3643789" y="4516907"/>
                  <a:pt x="3623338" y="4524300"/>
                </a:cubicBezTo>
                <a:cubicBezTo>
                  <a:pt x="3610953" y="4528813"/>
                  <a:pt x="3598854" y="4534382"/>
                  <a:pt x="3586373" y="4538702"/>
                </a:cubicBezTo>
                <a:cubicBezTo>
                  <a:pt x="3576387" y="4542159"/>
                  <a:pt x="3566113" y="4544847"/>
                  <a:pt x="3555743" y="4546960"/>
                </a:cubicBezTo>
                <a:cubicBezTo>
                  <a:pt x="3546814" y="4548785"/>
                  <a:pt x="3537501" y="4548592"/>
                  <a:pt x="3528667" y="4550801"/>
                </a:cubicBezTo>
                <a:cubicBezTo>
                  <a:pt x="3504759" y="4556753"/>
                  <a:pt x="3481140" y="4563475"/>
                  <a:pt x="3457424" y="4569811"/>
                </a:cubicBezTo>
                <a:cubicBezTo>
                  <a:pt x="3447919" y="4572308"/>
                  <a:pt x="3438221" y="4574133"/>
                  <a:pt x="3429003" y="4577301"/>
                </a:cubicBezTo>
                <a:cubicBezTo>
                  <a:pt x="3404327" y="4585654"/>
                  <a:pt x="3380036" y="4595159"/>
                  <a:pt x="3355264" y="4603033"/>
                </a:cubicBezTo>
                <a:cubicBezTo>
                  <a:pt x="3334717" y="4609562"/>
                  <a:pt x="3313593" y="4614266"/>
                  <a:pt x="3292757" y="4620027"/>
                </a:cubicBezTo>
                <a:cubicBezTo>
                  <a:pt x="3283924" y="4622524"/>
                  <a:pt x="3275475" y="4626077"/>
                  <a:pt x="3266643" y="4628188"/>
                </a:cubicBezTo>
                <a:cubicBezTo>
                  <a:pt x="3246863" y="4632990"/>
                  <a:pt x="3226796" y="4637022"/>
                  <a:pt x="3206921" y="4641823"/>
                </a:cubicBezTo>
                <a:cubicBezTo>
                  <a:pt x="3195590" y="4644607"/>
                  <a:pt x="3184645" y="4649600"/>
                  <a:pt x="3173123" y="4651425"/>
                </a:cubicBezTo>
                <a:cubicBezTo>
                  <a:pt x="3145759" y="4655745"/>
                  <a:pt x="3118203" y="4658817"/>
                  <a:pt x="3090646" y="4662274"/>
                </a:cubicBezTo>
                <a:cubicBezTo>
                  <a:pt x="3062227" y="4665826"/>
                  <a:pt x="3033902" y="4669571"/>
                  <a:pt x="3005480" y="4672739"/>
                </a:cubicBezTo>
                <a:cubicBezTo>
                  <a:pt x="2989926" y="4674372"/>
                  <a:pt x="2974275" y="4674660"/>
                  <a:pt x="2958721" y="4676196"/>
                </a:cubicBezTo>
                <a:cubicBezTo>
                  <a:pt x="2945087" y="4677541"/>
                  <a:pt x="2931549" y="4680037"/>
                  <a:pt x="2917915" y="4681670"/>
                </a:cubicBezTo>
                <a:cubicBezTo>
                  <a:pt x="2906105" y="4683013"/>
                  <a:pt x="2894199" y="4683781"/>
                  <a:pt x="2882389" y="4685126"/>
                </a:cubicBezTo>
                <a:cubicBezTo>
                  <a:pt x="2863475" y="4687334"/>
                  <a:pt x="2844655" y="4689831"/>
                  <a:pt x="2825837" y="4692135"/>
                </a:cubicBezTo>
                <a:cubicBezTo>
                  <a:pt x="2817964" y="4692999"/>
                  <a:pt x="2809706" y="4695399"/>
                  <a:pt x="2802313" y="4693960"/>
                </a:cubicBezTo>
                <a:cubicBezTo>
                  <a:pt x="2783686" y="4690310"/>
                  <a:pt x="2765347" y="4691367"/>
                  <a:pt x="2746816" y="4693863"/>
                </a:cubicBezTo>
                <a:cubicBezTo>
                  <a:pt x="2740479" y="4694728"/>
                  <a:pt x="2733662" y="4694535"/>
                  <a:pt x="2727517" y="4692903"/>
                </a:cubicBezTo>
                <a:cubicBezTo>
                  <a:pt x="2714939" y="4689638"/>
                  <a:pt x="2702745" y="4685029"/>
                  <a:pt x="2690359" y="4680997"/>
                </a:cubicBezTo>
                <a:cubicBezTo>
                  <a:pt x="2689014" y="4680517"/>
                  <a:pt x="2687382" y="4680421"/>
                  <a:pt x="2685943" y="4680133"/>
                </a:cubicBezTo>
                <a:cubicBezTo>
                  <a:pt x="2677781" y="4678500"/>
                  <a:pt x="2669717" y="4676868"/>
                  <a:pt x="2661554" y="4675428"/>
                </a:cubicBezTo>
                <a:cubicBezTo>
                  <a:pt x="2657138" y="4674660"/>
                  <a:pt x="2652625" y="4674564"/>
                  <a:pt x="2648208" y="4673892"/>
                </a:cubicBezTo>
                <a:cubicBezTo>
                  <a:pt x="2631118" y="4671203"/>
                  <a:pt x="2612299" y="4675716"/>
                  <a:pt x="2597512" y="4664099"/>
                </a:cubicBezTo>
                <a:cubicBezTo>
                  <a:pt x="2587911" y="4656609"/>
                  <a:pt x="2578597" y="4658338"/>
                  <a:pt x="2568324" y="4659490"/>
                </a:cubicBezTo>
                <a:cubicBezTo>
                  <a:pt x="2560547" y="4660354"/>
                  <a:pt x="2552577" y="4660065"/>
                  <a:pt x="2544704" y="4660162"/>
                </a:cubicBezTo>
                <a:cubicBezTo>
                  <a:pt x="2530878" y="4660449"/>
                  <a:pt x="2517052" y="4660546"/>
                  <a:pt x="2503225" y="4661026"/>
                </a:cubicBezTo>
                <a:cubicBezTo>
                  <a:pt x="2498808" y="4661218"/>
                  <a:pt x="2494297" y="4663619"/>
                  <a:pt x="2489975" y="4663235"/>
                </a:cubicBezTo>
                <a:cubicBezTo>
                  <a:pt x="2470004" y="4661410"/>
                  <a:pt x="2450033" y="4658529"/>
                  <a:pt x="2430061" y="4656897"/>
                </a:cubicBezTo>
                <a:cubicBezTo>
                  <a:pt x="2418732" y="4655938"/>
                  <a:pt x="2407114" y="4657761"/>
                  <a:pt x="2395880" y="4656417"/>
                </a:cubicBezTo>
                <a:cubicBezTo>
                  <a:pt x="2382919" y="4654881"/>
                  <a:pt x="2370245" y="4650945"/>
                  <a:pt x="2357378" y="4648544"/>
                </a:cubicBezTo>
                <a:cubicBezTo>
                  <a:pt x="2353826" y="4647872"/>
                  <a:pt x="2349889" y="4648736"/>
                  <a:pt x="2346145" y="4648928"/>
                </a:cubicBezTo>
                <a:cubicBezTo>
                  <a:pt x="2341920" y="4649120"/>
                  <a:pt x="2337791" y="4649504"/>
                  <a:pt x="2333567" y="4649600"/>
                </a:cubicBezTo>
                <a:cubicBezTo>
                  <a:pt x="2320700" y="4649793"/>
                  <a:pt x="2307835" y="4649504"/>
                  <a:pt x="2294968" y="4650177"/>
                </a:cubicBezTo>
                <a:cubicBezTo>
                  <a:pt x="2287095" y="4650561"/>
                  <a:pt x="2278839" y="4654497"/>
                  <a:pt x="2271540" y="4653057"/>
                </a:cubicBezTo>
                <a:cubicBezTo>
                  <a:pt x="2256659" y="4650272"/>
                  <a:pt x="2241776" y="4656513"/>
                  <a:pt x="2226895" y="4651329"/>
                </a:cubicBezTo>
                <a:cubicBezTo>
                  <a:pt x="2222285" y="4649793"/>
                  <a:pt x="2215948" y="4653633"/>
                  <a:pt x="2210379" y="4653825"/>
                </a:cubicBezTo>
                <a:cubicBezTo>
                  <a:pt x="2196457" y="4654305"/>
                  <a:pt x="2182535" y="4654209"/>
                  <a:pt x="2168613" y="4654113"/>
                </a:cubicBezTo>
                <a:cubicBezTo>
                  <a:pt x="2156131" y="4654017"/>
                  <a:pt x="2143168" y="4655361"/>
                  <a:pt x="2131167" y="4652673"/>
                </a:cubicBezTo>
                <a:cubicBezTo>
                  <a:pt x="2118588" y="4649793"/>
                  <a:pt x="2107259" y="4650177"/>
                  <a:pt x="2095065" y="4653441"/>
                </a:cubicBezTo>
                <a:cubicBezTo>
                  <a:pt x="2086711" y="4655649"/>
                  <a:pt x="2077878" y="4655938"/>
                  <a:pt x="2069237" y="4656609"/>
                </a:cubicBezTo>
                <a:cubicBezTo>
                  <a:pt x="2059924" y="4657377"/>
                  <a:pt x="2049650" y="4655361"/>
                  <a:pt x="2041201" y="4658529"/>
                </a:cubicBezTo>
                <a:cubicBezTo>
                  <a:pt x="2016044" y="4667939"/>
                  <a:pt x="1990216" y="4669955"/>
                  <a:pt x="1963909" y="4669955"/>
                </a:cubicBezTo>
                <a:cubicBezTo>
                  <a:pt x="1959107" y="4669955"/>
                  <a:pt x="1954210" y="4668612"/>
                  <a:pt x="1949603" y="4667171"/>
                </a:cubicBezTo>
                <a:cubicBezTo>
                  <a:pt x="1922717" y="4658529"/>
                  <a:pt x="1895737" y="4659297"/>
                  <a:pt x="1868373" y="4664578"/>
                </a:cubicBezTo>
                <a:cubicBezTo>
                  <a:pt x="1862708" y="4665731"/>
                  <a:pt x="1856372" y="4665923"/>
                  <a:pt x="1850707" y="4664771"/>
                </a:cubicBezTo>
                <a:cubicBezTo>
                  <a:pt x="1834768" y="4661410"/>
                  <a:pt x="1819309" y="4655841"/>
                  <a:pt x="1803275" y="4653441"/>
                </a:cubicBezTo>
                <a:cubicBezTo>
                  <a:pt x="1776775" y="4649504"/>
                  <a:pt x="1753828" y="4662754"/>
                  <a:pt x="1730112" y="4671396"/>
                </a:cubicBezTo>
                <a:cubicBezTo>
                  <a:pt x="1707548" y="4679557"/>
                  <a:pt x="1688345" y="4697992"/>
                  <a:pt x="1661652" y="4693863"/>
                </a:cubicBezTo>
                <a:cubicBezTo>
                  <a:pt x="1658965" y="4693479"/>
                  <a:pt x="1655988" y="4696071"/>
                  <a:pt x="1653011" y="4696744"/>
                </a:cubicBezTo>
                <a:cubicBezTo>
                  <a:pt x="1644850" y="4698568"/>
                  <a:pt x="1636689" y="4700776"/>
                  <a:pt x="1628431" y="4701641"/>
                </a:cubicBezTo>
                <a:cubicBezTo>
                  <a:pt x="1618350" y="4702793"/>
                  <a:pt x="1608076" y="4702409"/>
                  <a:pt x="1597995" y="4703369"/>
                </a:cubicBezTo>
                <a:cubicBezTo>
                  <a:pt x="1585032" y="4704521"/>
                  <a:pt x="1572263" y="4707593"/>
                  <a:pt x="1559396" y="4707593"/>
                </a:cubicBezTo>
                <a:cubicBezTo>
                  <a:pt x="1549026" y="4707593"/>
                  <a:pt x="1538753" y="4704041"/>
                  <a:pt x="1528480" y="4702312"/>
                </a:cubicBezTo>
                <a:cubicBezTo>
                  <a:pt x="1513981" y="4699912"/>
                  <a:pt x="1498042" y="4700584"/>
                  <a:pt x="1485272" y="4694439"/>
                </a:cubicBezTo>
                <a:cubicBezTo>
                  <a:pt x="1471639" y="4687910"/>
                  <a:pt x="1458676" y="4684934"/>
                  <a:pt x="1444562" y="4686950"/>
                </a:cubicBezTo>
                <a:cubicBezTo>
                  <a:pt x="1439857" y="4687622"/>
                  <a:pt x="1433808" y="4691655"/>
                  <a:pt x="1431696" y="4695783"/>
                </a:cubicBezTo>
                <a:cubicBezTo>
                  <a:pt x="1426991" y="4705001"/>
                  <a:pt x="1420559" y="4706634"/>
                  <a:pt x="1411821" y="4703464"/>
                </a:cubicBezTo>
                <a:cubicBezTo>
                  <a:pt x="1404236" y="4700776"/>
                  <a:pt x="1394922" y="4699432"/>
                  <a:pt x="1389738" y="4694247"/>
                </a:cubicBezTo>
                <a:cubicBezTo>
                  <a:pt x="1375047" y="4679557"/>
                  <a:pt x="1356324" y="4679077"/>
                  <a:pt x="1338081" y="4675141"/>
                </a:cubicBezTo>
                <a:cubicBezTo>
                  <a:pt x="1326945" y="4672739"/>
                  <a:pt x="1316574" y="4672644"/>
                  <a:pt x="1305436" y="4674276"/>
                </a:cubicBezTo>
                <a:cubicBezTo>
                  <a:pt x="1281241" y="4677925"/>
                  <a:pt x="1257717" y="4672739"/>
                  <a:pt x="1234481" y="4666115"/>
                </a:cubicBezTo>
                <a:cubicBezTo>
                  <a:pt x="1219118" y="4661698"/>
                  <a:pt x="1203372" y="4659010"/>
                  <a:pt x="1188106" y="4654497"/>
                </a:cubicBezTo>
                <a:cubicBezTo>
                  <a:pt x="1176680" y="4651041"/>
                  <a:pt x="1165255" y="4646912"/>
                  <a:pt x="1154790" y="4641343"/>
                </a:cubicBezTo>
                <a:cubicBezTo>
                  <a:pt x="1139618" y="4633181"/>
                  <a:pt x="1126369" y="4620891"/>
                  <a:pt x="1107069" y="4624156"/>
                </a:cubicBezTo>
                <a:cubicBezTo>
                  <a:pt x="1090074" y="4627036"/>
                  <a:pt x="1074713" y="4620988"/>
                  <a:pt x="1059158" y="4615227"/>
                </a:cubicBezTo>
                <a:cubicBezTo>
                  <a:pt x="1047732" y="4611002"/>
                  <a:pt x="1036308" y="4606681"/>
                  <a:pt x="1024496" y="4603993"/>
                </a:cubicBezTo>
                <a:cubicBezTo>
                  <a:pt x="1010478" y="4600824"/>
                  <a:pt x="994635" y="4602169"/>
                  <a:pt x="982153" y="4596311"/>
                </a:cubicBezTo>
                <a:cubicBezTo>
                  <a:pt x="969095" y="4590166"/>
                  <a:pt x="958246" y="4594295"/>
                  <a:pt x="946628" y="4596024"/>
                </a:cubicBezTo>
                <a:cubicBezTo>
                  <a:pt x="928097" y="4598712"/>
                  <a:pt x="909661" y="4603705"/>
                  <a:pt x="890939" y="4597368"/>
                </a:cubicBezTo>
                <a:cubicBezTo>
                  <a:pt x="868184" y="4589687"/>
                  <a:pt x="845620" y="4581430"/>
                  <a:pt x="822769" y="4574133"/>
                </a:cubicBezTo>
                <a:cubicBezTo>
                  <a:pt x="813934" y="4571347"/>
                  <a:pt x="804431" y="4570195"/>
                  <a:pt x="795212" y="4568947"/>
                </a:cubicBezTo>
                <a:cubicBezTo>
                  <a:pt x="786476" y="4567891"/>
                  <a:pt x="776010" y="4570579"/>
                  <a:pt x="769288" y="4566547"/>
                </a:cubicBezTo>
                <a:cubicBezTo>
                  <a:pt x="752005" y="4556178"/>
                  <a:pt x="734243" y="4551089"/>
                  <a:pt x="714271" y="4551089"/>
                </a:cubicBezTo>
                <a:cubicBezTo>
                  <a:pt x="706781" y="4551089"/>
                  <a:pt x="699484" y="4546768"/>
                  <a:pt x="691900" y="4545999"/>
                </a:cubicBezTo>
                <a:cubicBezTo>
                  <a:pt x="681529" y="4545040"/>
                  <a:pt x="669623" y="4542447"/>
                  <a:pt x="660598" y="4546096"/>
                </a:cubicBezTo>
                <a:cubicBezTo>
                  <a:pt x="639379" y="4554737"/>
                  <a:pt x="622193" y="4547536"/>
                  <a:pt x="603662" y="4538991"/>
                </a:cubicBezTo>
                <a:cubicBezTo>
                  <a:pt x="585418" y="4530541"/>
                  <a:pt x="566215" y="4523821"/>
                  <a:pt x="546821" y="4518251"/>
                </a:cubicBezTo>
                <a:cubicBezTo>
                  <a:pt x="539524" y="4516235"/>
                  <a:pt x="530787" y="4519596"/>
                  <a:pt x="522721" y="4520267"/>
                </a:cubicBezTo>
                <a:cubicBezTo>
                  <a:pt x="519840" y="4520460"/>
                  <a:pt x="516671" y="4520748"/>
                  <a:pt x="514080" y="4519788"/>
                </a:cubicBezTo>
                <a:cubicBezTo>
                  <a:pt x="489020" y="4510570"/>
                  <a:pt x="463575" y="4503561"/>
                  <a:pt x="436404" y="4508361"/>
                </a:cubicBezTo>
                <a:cubicBezTo>
                  <a:pt x="433908" y="4508842"/>
                  <a:pt x="431123" y="4507786"/>
                  <a:pt x="428626" y="4507114"/>
                </a:cubicBezTo>
                <a:cubicBezTo>
                  <a:pt x="416432" y="4503657"/>
                  <a:pt x="404526" y="4498184"/>
                  <a:pt x="392141" y="4496936"/>
                </a:cubicBezTo>
                <a:cubicBezTo>
                  <a:pt x="361608" y="4493864"/>
                  <a:pt x="330884" y="4492615"/>
                  <a:pt x="300157" y="4490599"/>
                </a:cubicBezTo>
                <a:cubicBezTo>
                  <a:pt x="298237" y="4490503"/>
                  <a:pt x="296221" y="4490503"/>
                  <a:pt x="294493" y="4489831"/>
                </a:cubicBezTo>
                <a:cubicBezTo>
                  <a:pt x="283163" y="4485702"/>
                  <a:pt x="273274" y="4487047"/>
                  <a:pt x="263671" y="4494919"/>
                </a:cubicBezTo>
                <a:cubicBezTo>
                  <a:pt x="259447" y="4498376"/>
                  <a:pt x="253686" y="4500200"/>
                  <a:pt x="248406" y="4502121"/>
                </a:cubicBezTo>
                <a:cubicBezTo>
                  <a:pt x="240628" y="4505002"/>
                  <a:pt x="232659" y="4507786"/>
                  <a:pt x="224594" y="4509610"/>
                </a:cubicBezTo>
                <a:cubicBezTo>
                  <a:pt x="216624" y="4511338"/>
                  <a:pt x="208079" y="4513738"/>
                  <a:pt x="200398" y="4512395"/>
                </a:cubicBezTo>
                <a:cubicBezTo>
                  <a:pt x="186572" y="4509994"/>
                  <a:pt x="173417" y="4504618"/>
                  <a:pt x="159783" y="4501064"/>
                </a:cubicBezTo>
                <a:cubicBezTo>
                  <a:pt x="155079" y="4499816"/>
                  <a:pt x="149893" y="4500009"/>
                  <a:pt x="144997" y="4499912"/>
                </a:cubicBezTo>
                <a:cubicBezTo>
                  <a:pt x="133763" y="4499625"/>
                  <a:pt x="122241" y="4502409"/>
                  <a:pt x="112064" y="4494440"/>
                </a:cubicBezTo>
                <a:cubicBezTo>
                  <a:pt x="102655" y="4486951"/>
                  <a:pt x="93148" y="4489158"/>
                  <a:pt x="83259" y="4494824"/>
                </a:cubicBezTo>
                <a:cubicBezTo>
                  <a:pt x="76154" y="4498857"/>
                  <a:pt x="68090" y="4502025"/>
                  <a:pt x="60120" y="4503561"/>
                </a:cubicBezTo>
                <a:cubicBezTo>
                  <a:pt x="49174" y="4505673"/>
                  <a:pt x="38324" y="4506538"/>
                  <a:pt x="26514" y="4505289"/>
                </a:cubicBezTo>
                <a:cubicBezTo>
                  <a:pt x="18161" y="4504425"/>
                  <a:pt x="11343" y="4504041"/>
                  <a:pt x="4814" y="4498952"/>
                </a:cubicBezTo>
                <a:cubicBezTo>
                  <a:pt x="3759" y="4498184"/>
                  <a:pt x="1839" y="4497992"/>
                  <a:pt x="398" y="4498089"/>
                </a:cubicBezTo>
                <a:lnTo>
                  <a:pt x="0" y="4498087"/>
                </a:lnTo>
                <a:close/>
              </a:path>
            </a:pathLst>
          </a:custGeom>
          <a:effectLst>
            <a:outerShdw blurRad="381000" dist="152400" dir="5400000" algn="t" rotWithShape="0">
              <a:prstClr val="black">
                <a:alpha val="10000"/>
              </a:prstClr>
            </a:outerShdw>
          </a:effectLst>
        </p:spPr>
      </p:pic>
      <p:grpSp>
        <p:nvGrpSpPr>
          <p:cNvPr id="12" name="Group 11">
            <a:extLst>
              <a:ext uri="{FF2B5EF4-FFF2-40B4-BE49-F238E27FC236}">
                <a16:creationId xmlns:a16="http://schemas.microsoft.com/office/drawing/2014/main" id="{23705FF7-CAB4-430F-A07B-AF2245F17F1C}"/>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6096000" y="4138312"/>
            <a:ext cx="5260975" cy="1410656"/>
            <a:chOff x="6096000" y="4138312"/>
            <a:chExt cx="5260975" cy="1410656"/>
          </a:xfrm>
        </p:grpSpPr>
        <p:sp>
          <p:nvSpPr>
            <p:cNvPr id="13" name="Freeform: Shape 12">
              <a:extLst>
                <a:ext uri="{FF2B5EF4-FFF2-40B4-BE49-F238E27FC236}">
                  <a16:creationId xmlns:a16="http://schemas.microsoft.com/office/drawing/2014/main" id="{6BFFE2ED-DBB9-4090-905D-1939650FC545}"/>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6096000" y="4138312"/>
              <a:ext cx="5260975" cy="1410656"/>
            </a:xfrm>
            <a:custGeom>
              <a:avLst/>
              <a:gdLst>
                <a:gd name="connsiteX0" fmla="*/ 5260975 w 5260975"/>
                <a:gd name="connsiteY0" fmla="*/ 0 h 1410656"/>
                <a:gd name="connsiteX1" fmla="*/ 5260975 w 5260975"/>
                <a:gd name="connsiteY1" fmla="*/ 221634 h 1410656"/>
                <a:gd name="connsiteX2" fmla="*/ 5226503 w 5260975"/>
                <a:gd name="connsiteY2" fmla="*/ 237063 h 1410656"/>
                <a:gd name="connsiteX3" fmla="*/ 5206341 w 5260975"/>
                <a:gd name="connsiteY3" fmla="*/ 245128 h 1410656"/>
                <a:gd name="connsiteX4" fmla="*/ 5123287 w 5260975"/>
                <a:gd name="connsiteY4" fmla="*/ 297073 h 1410656"/>
                <a:gd name="connsiteX5" fmla="*/ 5048107 w 5260975"/>
                <a:gd name="connsiteY5" fmla="*/ 361307 h 1410656"/>
                <a:gd name="connsiteX6" fmla="*/ 4992899 w 5260975"/>
                <a:gd name="connsiteY6" fmla="*/ 437542 h 1410656"/>
                <a:gd name="connsiteX7" fmla="*/ 4977440 w 5260975"/>
                <a:gd name="connsiteY7" fmla="*/ 455690 h 1410656"/>
                <a:gd name="connsiteX8" fmla="*/ 4935193 w 5260975"/>
                <a:gd name="connsiteY8" fmla="*/ 478445 h 1410656"/>
                <a:gd name="connsiteX9" fmla="*/ 4897844 w 5260975"/>
                <a:gd name="connsiteY9" fmla="*/ 495535 h 1410656"/>
                <a:gd name="connsiteX10" fmla="*/ 4870767 w 5260975"/>
                <a:gd name="connsiteY10" fmla="*/ 514451 h 1410656"/>
                <a:gd name="connsiteX11" fmla="*/ 4847916 w 5260975"/>
                <a:gd name="connsiteY11" fmla="*/ 531830 h 1410656"/>
                <a:gd name="connsiteX12" fmla="*/ 4796163 w 5260975"/>
                <a:gd name="connsiteY12" fmla="*/ 576765 h 1410656"/>
                <a:gd name="connsiteX13" fmla="*/ 4738843 w 5260975"/>
                <a:gd name="connsiteY13" fmla="*/ 614691 h 1410656"/>
                <a:gd name="connsiteX14" fmla="*/ 4692755 w 5260975"/>
                <a:gd name="connsiteY14" fmla="*/ 661162 h 1410656"/>
                <a:gd name="connsiteX15" fmla="*/ 4673744 w 5260975"/>
                <a:gd name="connsiteY15" fmla="*/ 686318 h 1410656"/>
                <a:gd name="connsiteX16" fmla="*/ 4633801 w 5260975"/>
                <a:gd name="connsiteY16" fmla="*/ 703505 h 1410656"/>
                <a:gd name="connsiteX17" fmla="*/ 4590499 w 5260975"/>
                <a:gd name="connsiteY17" fmla="*/ 730389 h 1410656"/>
                <a:gd name="connsiteX18" fmla="*/ 4559773 w 5260975"/>
                <a:gd name="connsiteY18" fmla="*/ 757081 h 1410656"/>
                <a:gd name="connsiteX19" fmla="*/ 4536059 w 5260975"/>
                <a:gd name="connsiteY19" fmla="*/ 774940 h 1410656"/>
                <a:gd name="connsiteX20" fmla="*/ 4502549 w 5260975"/>
                <a:gd name="connsiteY20" fmla="*/ 792895 h 1410656"/>
                <a:gd name="connsiteX21" fmla="*/ 4468944 w 5260975"/>
                <a:gd name="connsiteY21" fmla="*/ 816419 h 1410656"/>
                <a:gd name="connsiteX22" fmla="*/ 4452622 w 5260975"/>
                <a:gd name="connsiteY22" fmla="*/ 830917 h 1410656"/>
                <a:gd name="connsiteX23" fmla="*/ 4421032 w 5260975"/>
                <a:gd name="connsiteY23" fmla="*/ 855016 h 1410656"/>
                <a:gd name="connsiteX24" fmla="*/ 4388483 w 5260975"/>
                <a:gd name="connsiteY24" fmla="*/ 877484 h 1410656"/>
                <a:gd name="connsiteX25" fmla="*/ 4327321 w 5260975"/>
                <a:gd name="connsiteY25" fmla="*/ 903216 h 1410656"/>
                <a:gd name="connsiteX26" fmla="*/ 4271633 w 5260975"/>
                <a:gd name="connsiteY26" fmla="*/ 941046 h 1410656"/>
                <a:gd name="connsiteX27" fmla="*/ 4227465 w 5260975"/>
                <a:gd name="connsiteY27" fmla="*/ 968698 h 1410656"/>
                <a:gd name="connsiteX28" fmla="*/ 4201733 w 5260975"/>
                <a:gd name="connsiteY28" fmla="*/ 986846 h 1410656"/>
                <a:gd name="connsiteX29" fmla="*/ 4154494 w 5260975"/>
                <a:gd name="connsiteY29" fmla="*/ 1027364 h 1410656"/>
                <a:gd name="connsiteX30" fmla="*/ 4081234 w 5260975"/>
                <a:gd name="connsiteY30" fmla="*/ 1069994 h 1410656"/>
                <a:gd name="connsiteX31" fmla="*/ 4036971 w 5260975"/>
                <a:gd name="connsiteY31" fmla="*/ 1093038 h 1410656"/>
                <a:gd name="connsiteX32" fmla="*/ 3941725 w 5260975"/>
                <a:gd name="connsiteY32" fmla="*/ 1127796 h 1410656"/>
                <a:gd name="connsiteX33" fmla="*/ 3910999 w 5260975"/>
                <a:gd name="connsiteY33" fmla="*/ 1140182 h 1410656"/>
                <a:gd name="connsiteX34" fmla="*/ 3875859 w 5260975"/>
                <a:gd name="connsiteY34" fmla="*/ 1148343 h 1410656"/>
                <a:gd name="connsiteX35" fmla="*/ 3819401 w 5260975"/>
                <a:gd name="connsiteY35" fmla="*/ 1167642 h 1410656"/>
                <a:gd name="connsiteX36" fmla="*/ 3709176 w 5260975"/>
                <a:gd name="connsiteY36" fmla="*/ 1200863 h 1410656"/>
                <a:gd name="connsiteX37" fmla="*/ 3684981 w 5260975"/>
                <a:gd name="connsiteY37" fmla="*/ 1205952 h 1410656"/>
                <a:gd name="connsiteX38" fmla="*/ 3623338 w 5260975"/>
                <a:gd name="connsiteY38" fmla="*/ 1227363 h 1410656"/>
                <a:gd name="connsiteX39" fmla="*/ 3586373 w 5260975"/>
                <a:gd name="connsiteY39" fmla="*/ 1241765 h 1410656"/>
                <a:gd name="connsiteX40" fmla="*/ 3555743 w 5260975"/>
                <a:gd name="connsiteY40" fmla="*/ 1250023 h 1410656"/>
                <a:gd name="connsiteX41" fmla="*/ 3528667 w 5260975"/>
                <a:gd name="connsiteY41" fmla="*/ 1253864 h 1410656"/>
                <a:gd name="connsiteX42" fmla="*/ 3457424 w 5260975"/>
                <a:gd name="connsiteY42" fmla="*/ 1272874 h 1410656"/>
                <a:gd name="connsiteX43" fmla="*/ 3429003 w 5260975"/>
                <a:gd name="connsiteY43" fmla="*/ 1280364 h 1410656"/>
                <a:gd name="connsiteX44" fmla="*/ 3355264 w 5260975"/>
                <a:gd name="connsiteY44" fmla="*/ 1306096 h 1410656"/>
                <a:gd name="connsiteX45" fmla="*/ 3292757 w 5260975"/>
                <a:gd name="connsiteY45" fmla="*/ 1323090 h 1410656"/>
                <a:gd name="connsiteX46" fmla="*/ 3266643 w 5260975"/>
                <a:gd name="connsiteY46" fmla="*/ 1331251 h 1410656"/>
                <a:gd name="connsiteX47" fmla="*/ 3206921 w 5260975"/>
                <a:gd name="connsiteY47" fmla="*/ 1344886 h 1410656"/>
                <a:gd name="connsiteX48" fmla="*/ 3173123 w 5260975"/>
                <a:gd name="connsiteY48" fmla="*/ 1354488 h 1410656"/>
                <a:gd name="connsiteX49" fmla="*/ 3090646 w 5260975"/>
                <a:gd name="connsiteY49" fmla="*/ 1365337 h 1410656"/>
                <a:gd name="connsiteX50" fmla="*/ 3005480 w 5260975"/>
                <a:gd name="connsiteY50" fmla="*/ 1375802 h 1410656"/>
                <a:gd name="connsiteX51" fmla="*/ 2958721 w 5260975"/>
                <a:gd name="connsiteY51" fmla="*/ 1379259 h 1410656"/>
                <a:gd name="connsiteX52" fmla="*/ 2917915 w 5260975"/>
                <a:gd name="connsiteY52" fmla="*/ 1384733 h 1410656"/>
                <a:gd name="connsiteX53" fmla="*/ 2882389 w 5260975"/>
                <a:gd name="connsiteY53" fmla="*/ 1388189 h 1410656"/>
                <a:gd name="connsiteX54" fmla="*/ 2825837 w 5260975"/>
                <a:gd name="connsiteY54" fmla="*/ 1395198 h 1410656"/>
                <a:gd name="connsiteX55" fmla="*/ 2802313 w 5260975"/>
                <a:gd name="connsiteY55" fmla="*/ 1397023 h 1410656"/>
                <a:gd name="connsiteX56" fmla="*/ 2746816 w 5260975"/>
                <a:gd name="connsiteY56" fmla="*/ 1396926 h 1410656"/>
                <a:gd name="connsiteX57" fmla="*/ 2727517 w 5260975"/>
                <a:gd name="connsiteY57" fmla="*/ 1395966 h 1410656"/>
                <a:gd name="connsiteX58" fmla="*/ 2690359 w 5260975"/>
                <a:gd name="connsiteY58" fmla="*/ 1384060 h 1410656"/>
                <a:gd name="connsiteX59" fmla="*/ 2685943 w 5260975"/>
                <a:gd name="connsiteY59" fmla="*/ 1383196 h 1410656"/>
                <a:gd name="connsiteX60" fmla="*/ 2661554 w 5260975"/>
                <a:gd name="connsiteY60" fmla="*/ 1378491 h 1410656"/>
                <a:gd name="connsiteX61" fmla="*/ 2648208 w 5260975"/>
                <a:gd name="connsiteY61" fmla="*/ 1376955 h 1410656"/>
                <a:gd name="connsiteX62" fmla="*/ 2597512 w 5260975"/>
                <a:gd name="connsiteY62" fmla="*/ 1367162 h 1410656"/>
                <a:gd name="connsiteX63" fmla="*/ 2568324 w 5260975"/>
                <a:gd name="connsiteY63" fmla="*/ 1362553 h 1410656"/>
                <a:gd name="connsiteX64" fmla="*/ 2544704 w 5260975"/>
                <a:gd name="connsiteY64" fmla="*/ 1363225 h 1410656"/>
                <a:gd name="connsiteX65" fmla="*/ 2503225 w 5260975"/>
                <a:gd name="connsiteY65" fmla="*/ 1364089 h 1410656"/>
                <a:gd name="connsiteX66" fmla="*/ 2489975 w 5260975"/>
                <a:gd name="connsiteY66" fmla="*/ 1366298 h 1410656"/>
                <a:gd name="connsiteX67" fmla="*/ 2430061 w 5260975"/>
                <a:gd name="connsiteY67" fmla="*/ 1359960 h 1410656"/>
                <a:gd name="connsiteX68" fmla="*/ 2395880 w 5260975"/>
                <a:gd name="connsiteY68" fmla="*/ 1359480 h 1410656"/>
                <a:gd name="connsiteX69" fmla="*/ 2357378 w 5260975"/>
                <a:gd name="connsiteY69" fmla="*/ 1351607 h 1410656"/>
                <a:gd name="connsiteX70" fmla="*/ 2346145 w 5260975"/>
                <a:gd name="connsiteY70" fmla="*/ 1351991 h 1410656"/>
                <a:gd name="connsiteX71" fmla="*/ 2333567 w 5260975"/>
                <a:gd name="connsiteY71" fmla="*/ 1352663 h 1410656"/>
                <a:gd name="connsiteX72" fmla="*/ 2294968 w 5260975"/>
                <a:gd name="connsiteY72" fmla="*/ 1353240 h 1410656"/>
                <a:gd name="connsiteX73" fmla="*/ 2271540 w 5260975"/>
                <a:gd name="connsiteY73" fmla="*/ 1356120 h 1410656"/>
                <a:gd name="connsiteX74" fmla="*/ 2226895 w 5260975"/>
                <a:gd name="connsiteY74" fmla="*/ 1354392 h 1410656"/>
                <a:gd name="connsiteX75" fmla="*/ 2210379 w 5260975"/>
                <a:gd name="connsiteY75" fmla="*/ 1356888 h 1410656"/>
                <a:gd name="connsiteX76" fmla="*/ 2168613 w 5260975"/>
                <a:gd name="connsiteY76" fmla="*/ 1357176 h 1410656"/>
                <a:gd name="connsiteX77" fmla="*/ 2131167 w 5260975"/>
                <a:gd name="connsiteY77" fmla="*/ 1355736 h 1410656"/>
                <a:gd name="connsiteX78" fmla="*/ 2095065 w 5260975"/>
                <a:gd name="connsiteY78" fmla="*/ 1356504 h 1410656"/>
                <a:gd name="connsiteX79" fmla="*/ 2069237 w 5260975"/>
                <a:gd name="connsiteY79" fmla="*/ 1359672 h 1410656"/>
                <a:gd name="connsiteX80" fmla="*/ 2041201 w 5260975"/>
                <a:gd name="connsiteY80" fmla="*/ 1361592 h 1410656"/>
                <a:gd name="connsiteX81" fmla="*/ 1963909 w 5260975"/>
                <a:gd name="connsiteY81" fmla="*/ 1373018 h 1410656"/>
                <a:gd name="connsiteX82" fmla="*/ 1949603 w 5260975"/>
                <a:gd name="connsiteY82" fmla="*/ 1370234 h 1410656"/>
                <a:gd name="connsiteX83" fmla="*/ 1868373 w 5260975"/>
                <a:gd name="connsiteY83" fmla="*/ 1367641 h 1410656"/>
                <a:gd name="connsiteX84" fmla="*/ 1850707 w 5260975"/>
                <a:gd name="connsiteY84" fmla="*/ 1367834 h 1410656"/>
                <a:gd name="connsiteX85" fmla="*/ 1803275 w 5260975"/>
                <a:gd name="connsiteY85" fmla="*/ 1356504 h 1410656"/>
                <a:gd name="connsiteX86" fmla="*/ 1730112 w 5260975"/>
                <a:gd name="connsiteY86" fmla="*/ 1374459 h 1410656"/>
                <a:gd name="connsiteX87" fmla="*/ 1661652 w 5260975"/>
                <a:gd name="connsiteY87" fmla="*/ 1396926 h 1410656"/>
                <a:gd name="connsiteX88" fmla="*/ 1653011 w 5260975"/>
                <a:gd name="connsiteY88" fmla="*/ 1399807 h 1410656"/>
                <a:gd name="connsiteX89" fmla="*/ 1628431 w 5260975"/>
                <a:gd name="connsiteY89" fmla="*/ 1404704 h 1410656"/>
                <a:gd name="connsiteX90" fmla="*/ 1597995 w 5260975"/>
                <a:gd name="connsiteY90" fmla="*/ 1406432 h 1410656"/>
                <a:gd name="connsiteX91" fmla="*/ 1559396 w 5260975"/>
                <a:gd name="connsiteY91" fmla="*/ 1410656 h 1410656"/>
                <a:gd name="connsiteX92" fmla="*/ 1528480 w 5260975"/>
                <a:gd name="connsiteY92" fmla="*/ 1405375 h 1410656"/>
                <a:gd name="connsiteX93" fmla="*/ 1485272 w 5260975"/>
                <a:gd name="connsiteY93" fmla="*/ 1397502 h 1410656"/>
                <a:gd name="connsiteX94" fmla="*/ 1444562 w 5260975"/>
                <a:gd name="connsiteY94" fmla="*/ 1390013 h 1410656"/>
                <a:gd name="connsiteX95" fmla="*/ 1431696 w 5260975"/>
                <a:gd name="connsiteY95" fmla="*/ 1398846 h 1410656"/>
                <a:gd name="connsiteX96" fmla="*/ 1411821 w 5260975"/>
                <a:gd name="connsiteY96" fmla="*/ 1406527 h 1410656"/>
                <a:gd name="connsiteX97" fmla="*/ 1389738 w 5260975"/>
                <a:gd name="connsiteY97" fmla="*/ 1397310 h 1410656"/>
                <a:gd name="connsiteX98" fmla="*/ 1338081 w 5260975"/>
                <a:gd name="connsiteY98" fmla="*/ 1378204 h 1410656"/>
                <a:gd name="connsiteX99" fmla="*/ 1305436 w 5260975"/>
                <a:gd name="connsiteY99" fmla="*/ 1377339 h 1410656"/>
                <a:gd name="connsiteX100" fmla="*/ 1234481 w 5260975"/>
                <a:gd name="connsiteY100" fmla="*/ 1369178 h 1410656"/>
                <a:gd name="connsiteX101" fmla="*/ 1188106 w 5260975"/>
                <a:gd name="connsiteY101" fmla="*/ 1357560 h 1410656"/>
                <a:gd name="connsiteX102" fmla="*/ 1154790 w 5260975"/>
                <a:gd name="connsiteY102" fmla="*/ 1344406 h 1410656"/>
                <a:gd name="connsiteX103" fmla="*/ 1107069 w 5260975"/>
                <a:gd name="connsiteY103" fmla="*/ 1327219 h 1410656"/>
                <a:gd name="connsiteX104" fmla="*/ 1059158 w 5260975"/>
                <a:gd name="connsiteY104" fmla="*/ 1318290 h 1410656"/>
                <a:gd name="connsiteX105" fmla="*/ 1024496 w 5260975"/>
                <a:gd name="connsiteY105" fmla="*/ 1307056 h 1410656"/>
                <a:gd name="connsiteX106" fmla="*/ 982153 w 5260975"/>
                <a:gd name="connsiteY106" fmla="*/ 1299374 h 1410656"/>
                <a:gd name="connsiteX107" fmla="*/ 946628 w 5260975"/>
                <a:gd name="connsiteY107" fmla="*/ 1299087 h 1410656"/>
                <a:gd name="connsiteX108" fmla="*/ 890939 w 5260975"/>
                <a:gd name="connsiteY108" fmla="*/ 1300431 h 1410656"/>
                <a:gd name="connsiteX109" fmla="*/ 822769 w 5260975"/>
                <a:gd name="connsiteY109" fmla="*/ 1277196 h 1410656"/>
                <a:gd name="connsiteX110" fmla="*/ 795212 w 5260975"/>
                <a:gd name="connsiteY110" fmla="*/ 1272010 h 1410656"/>
                <a:gd name="connsiteX111" fmla="*/ 769288 w 5260975"/>
                <a:gd name="connsiteY111" fmla="*/ 1269610 h 1410656"/>
                <a:gd name="connsiteX112" fmla="*/ 714271 w 5260975"/>
                <a:gd name="connsiteY112" fmla="*/ 1254152 h 1410656"/>
                <a:gd name="connsiteX113" fmla="*/ 691900 w 5260975"/>
                <a:gd name="connsiteY113" fmla="*/ 1249062 h 1410656"/>
                <a:gd name="connsiteX114" fmla="*/ 660598 w 5260975"/>
                <a:gd name="connsiteY114" fmla="*/ 1249159 h 1410656"/>
                <a:gd name="connsiteX115" fmla="*/ 603662 w 5260975"/>
                <a:gd name="connsiteY115" fmla="*/ 1242054 h 1410656"/>
                <a:gd name="connsiteX116" fmla="*/ 546821 w 5260975"/>
                <a:gd name="connsiteY116" fmla="*/ 1221314 h 1410656"/>
                <a:gd name="connsiteX117" fmla="*/ 522721 w 5260975"/>
                <a:gd name="connsiteY117" fmla="*/ 1223330 h 1410656"/>
                <a:gd name="connsiteX118" fmla="*/ 514080 w 5260975"/>
                <a:gd name="connsiteY118" fmla="*/ 1222851 h 1410656"/>
                <a:gd name="connsiteX119" fmla="*/ 436404 w 5260975"/>
                <a:gd name="connsiteY119" fmla="*/ 1211424 h 1410656"/>
                <a:gd name="connsiteX120" fmla="*/ 428626 w 5260975"/>
                <a:gd name="connsiteY120" fmla="*/ 1210177 h 1410656"/>
                <a:gd name="connsiteX121" fmla="*/ 392141 w 5260975"/>
                <a:gd name="connsiteY121" fmla="*/ 1199999 h 1410656"/>
                <a:gd name="connsiteX122" fmla="*/ 300157 w 5260975"/>
                <a:gd name="connsiteY122" fmla="*/ 1193662 h 1410656"/>
                <a:gd name="connsiteX123" fmla="*/ 294493 w 5260975"/>
                <a:gd name="connsiteY123" fmla="*/ 1192894 h 1410656"/>
                <a:gd name="connsiteX124" fmla="*/ 263671 w 5260975"/>
                <a:gd name="connsiteY124" fmla="*/ 1197982 h 1410656"/>
                <a:gd name="connsiteX125" fmla="*/ 248406 w 5260975"/>
                <a:gd name="connsiteY125" fmla="*/ 1205184 h 1410656"/>
                <a:gd name="connsiteX126" fmla="*/ 224594 w 5260975"/>
                <a:gd name="connsiteY126" fmla="*/ 1212673 h 1410656"/>
                <a:gd name="connsiteX127" fmla="*/ 200398 w 5260975"/>
                <a:gd name="connsiteY127" fmla="*/ 1215458 h 1410656"/>
                <a:gd name="connsiteX128" fmla="*/ 159783 w 5260975"/>
                <a:gd name="connsiteY128" fmla="*/ 1204127 h 1410656"/>
                <a:gd name="connsiteX129" fmla="*/ 144997 w 5260975"/>
                <a:gd name="connsiteY129" fmla="*/ 1202975 h 1410656"/>
                <a:gd name="connsiteX130" fmla="*/ 112064 w 5260975"/>
                <a:gd name="connsiteY130" fmla="*/ 1197503 h 1410656"/>
                <a:gd name="connsiteX131" fmla="*/ 83259 w 5260975"/>
                <a:gd name="connsiteY131" fmla="*/ 1197887 h 1410656"/>
                <a:gd name="connsiteX132" fmla="*/ 60120 w 5260975"/>
                <a:gd name="connsiteY132" fmla="*/ 1206624 h 1410656"/>
                <a:gd name="connsiteX133" fmla="*/ 26514 w 5260975"/>
                <a:gd name="connsiteY133" fmla="*/ 1208352 h 1410656"/>
                <a:gd name="connsiteX134" fmla="*/ 4814 w 5260975"/>
                <a:gd name="connsiteY134" fmla="*/ 1202015 h 1410656"/>
                <a:gd name="connsiteX135" fmla="*/ 398 w 5260975"/>
                <a:gd name="connsiteY135" fmla="*/ 1201152 h 1410656"/>
                <a:gd name="connsiteX136" fmla="*/ 0 w 5260975"/>
                <a:gd name="connsiteY136" fmla="*/ 1201150 h 1410656"/>
                <a:gd name="connsiteX137" fmla="*/ 0 w 5260975"/>
                <a:gd name="connsiteY137" fmla="*/ 1004512 h 1410656"/>
                <a:gd name="connsiteX138" fmla="*/ 30355 w 5260975"/>
                <a:gd name="connsiteY138" fmla="*/ 1002784 h 1410656"/>
                <a:gd name="connsiteX139" fmla="*/ 52151 w 5260975"/>
                <a:gd name="connsiteY139" fmla="*/ 997695 h 1410656"/>
                <a:gd name="connsiteX140" fmla="*/ 64248 w 5260975"/>
                <a:gd name="connsiteY140" fmla="*/ 994430 h 1410656"/>
                <a:gd name="connsiteX141" fmla="*/ 126370 w 5260975"/>
                <a:gd name="connsiteY141" fmla="*/ 985405 h 1410656"/>
                <a:gd name="connsiteX142" fmla="*/ 154022 w 5260975"/>
                <a:gd name="connsiteY142" fmla="*/ 975708 h 1410656"/>
                <a:gd name="connsiteX143" fmla="*/ 161512 w 5260975"/>
                <a:gd name="connsiteY143" fmla="*/ 974268 h 1410656"/>
                <a:gd name="connsiteX144" fmla="*/ 202510 w 5260975"/>
                <a:gd name="connsiteY144" fmla="*/ 978300 h 1410656"/>
                <a:gd name="connsiteX145" fmla="*/ 233235 w 5260975"/>
                <a:gd name="connsiteY145" fmla="*/ 993950 h 1410656"/>
                <a:gd name="connsiteX146" fmla="*/ 239188 w 5260975"/>
                <a:gd name="connsiteY146" fmla="*/ 999231 h 1410656"/>
                <a:gd name="connsiteX147" fmla="*/ 324834 w 5260975"/>
                <a:gd name="connsiteY147" fmla="*/ 997407 h 1410656"/>
                <a:gd name="connsiteX148" fmla="*/ 337987 w 5260975"/>
                <a:gd name="connsiteY148" fmla="*/ 995198 h 1410656"/>
                <a:gd name="connsiteX149" fmla="*/ 401550 w 5260975"/>
                <a:gd name="connsiteY149" fmla="*/ 1004416 h 1410656"/>
                <a:gd name="connsiteX150" fmla="*/ 420081 w 5260975"/>
                <a:gd name="connsiteY150" fmla="*/ 1006240 h 1410656"/>
                <a:gd name="connsiteX151" fmla="*/ 486523 w 5260975"/>
                <a:gd name="connsiteY151" fmla="*/ 1014498 h 1410656"/>
                <a:gd name="connsiteX152" fmla="*/ 495932 w 5260975"/>
                <a:gd name="connsiteY152" fmla="*/ 1006817 h 1410656"/>
                <a:gd name="connsiteX153" fmla="*/ 523009 w 5260975"/>
                <a:gd name="connsiteY153" fmla="*/ 987517 h 1410656"/>
                <a:gd name="connsiteX154" fmla="*/ 576393 w 5260975"/>
                <a:gd name="connsiteY154" fmla="*/ 970427 h 1410656"/>
                <a:gd name="connsiteX155" fmla="*/ 590892 w 5260975"/>
                <a:gd name="connsiteY155" fmla="*/ 971387 h 1410656"/>
                <a:gd name="connsiteX156" fmla="*/ 627569 w 5260975"/>
                <a:gd name="connsiteY156" fmla="*/ 999904 h 1410656"/>
                <a:gd name="connsiteX157" fmla="*/ 645429 w 5260975"/>
                <a:gd name="connsiteY157" fmla="*/ 1011329 h 1410656"/>
                <a:gd name="connsiteX158" fmla="*/ 696125 w 5260975"/>
                <a:gd name="connsiteY158" fmla="*/ 1032356 h 1410656"/>
                <a:gd name="connsiteX159" fmla="*/ 700349 w 5260975"/>
                <a:gd name="connsiteY159" fmla="*/ 1036197 h 1410656"/>
                <a:gd name="connsiteX160" fmla="*/ 737795 w 5260975"/>
                <a:gd name="connsiteY160" fmla="*/ 1081804 h 1410656"/>
                <a:gd name="connsiteX161" fmla="*/ 746244 w 5260975"/>
                <a:gd name="connsiteY161" fmla="*/ 1089581 h 1410656"/>
                <a:gd name="connsiteX162" fmla="*/ 756422 w 5260975"/>
                <a:gd name="connsiteY162" fmla="*/ 1101680 h 1410656"/>
                <a:gd name="connsiteX163" fmla="*/ 788202 w 5260975"/>
                <a:gd name="connsiteY163" fmla="*/ 1125108 h 1410656"/>
                <a:gd name="connsiteX164" fmla="*/ 827569 w 5260975"/>
                <a:gd name="connsiteY164" fmla="*/ 1132596 h 1410656"/>
                <a:gd name="connsiteX165" fmla="*/ 875097 w 5260975"/>
                <a:gd name="connsiteY165" fmla="*/ 1144022 h 1410656"/>
                <a:gd name="connsiteX166" fmla="*/ 894972 w 5260975"/>
                <a:gd name="connsiteY166" fmla="*/ 1151704 h 1410656"/>
                <a:gd name="connsiteX167" fmla="*/ 948260 w 5260975"/>
                <a:gd name="connsiteY167" fmla="*/ 1166298 h 1410656"/>
                <a:gd name="connsiteX168" fmla="*/ 986282 w 5260975"/>
                <a:gd name="connsiteY168" fmla="*/ 1178588 h 1410656"/>
                <a:gd name="connsiteX169" fmla="*/ 1041107 w 5260975"/>
                <a:gd name="connsiteY169" fmla="*/ 1185789 h 1410656"/>
                <a:gd name="connsiteX170" fmla="*/ 1067703 w 5260975"/>
                <a:gd name="connsiteY170" fmla="*/ 1186076 h 1410656"/>
                <a:gd name="connsiteX171" fmla="*/ 1116574 w 5260975"/>
                <a:gd name="connsiteY171" fmla="*/ 1222946 h 1410656"/>
                <a:gd name="connsiteX172" fmla="*/ 1155557 w 5260975"/>
                <a:gd name="connsiteY172" fmla="*/ 1247335 h 1410656"/>
                <a:gd name="connsiteX173" fmla="*/ 1196556 w 5260975"/>
                <a:gd name="connsiteY173" fmla="*/ 1235525 h 1410656"/>
                <a:gd name="connsiteX174" fmla="*/ 1207693 w 5260975"/>
                <a:gd name="connsiteY174" fmla="*/ 1224387 h 1410656"/>
                <a:gd name="connsiteX175" fmla="*/ 1274904 w 5260975"/>
                <a:gd name="connsiteY175" fmla="*/ 1213826 h 1410656"/>
                <a:gd name="connsiteX176" fmla="*/ 1370919 w 5260975"/>
                <a:gd name="connsiteY176" fmla="*/ 1213442 h 1410656"/>
                <a:gd name="connsiteX177" fmla="*/ 1530593 w 5260975"/>
                <a:gd name="connsiteY177" fmla="*/ 1189437 h 1410656"/>
                <a:gd name="connsiteX178" fmla="*/ 1558436 w 5260975"/>
                <a:gd name="connsiteY178" fmla="*/ 1178299 h 1410656"/>
                <a:gd name="connsiteX179" fmla="*/ 1589737 w 5260975"/>
                <a:gd name="connsiteY179" fmla="*/ 1175515 h 1410656"/>
                <a:gd name="connsiteX180" fmla="*/ 1601740 w 5260975"/>
                <a:gd name="connsiteY180" fmla="*/ 1182333 h 1410656"/>
                <a:gd name="connsiteX181" fmla="*/ 1654259 w 5260975"/>
                <a:gd name="connsiteY181" fmla="*/ 1192510 h 1410656"/>
                <a:gd name="connsiteX182" fmla="*/ 1664246 w 5260975"/>
                <a:gd name="connsiteY182" fmla="*/ 1192702 h 1410656"/>
                <a:gd name="connsiteX183" fmla="*/ 1698427 w 5260975"/>
                <a:gd name="connsiteY183" fmla="*/ 1188381 h 1410656"/>
                <a:gd name="connsiteX184" fmla="*/ 1730112 w 5260975"/>
                <a:gd name="connsiteY184" fmla="*/ 1185885 h 1410656"/>
                <a:gd name="connsiteX185" fmla="*/ 1809996 w 5260975"/>
                <a:gd name="connsiteY185" fmla="*/ 1194046 h 1410656"/>
                <a:gd name="connsiteX186" fmla="*/ 1871254 w 5260975"/>
                <a:gd name="connsiteY186" fmla="*/ 1192126 h 1410656"/>
                <a:gd name="connsiteX187" fmla="*/ 1899482 w 5260975"/>
                <a:gd name="connsiteY187" fmla="*/ 1194046 h 1410656"/>
                <a:gd name="connsiteX188" fmla="*/ 1915420 w 5260975"/>
                <a:gd name="connsiteY188" fmla="*/ 1196927 h 1410656"/>
                <a:gd name="connsiteX189" fmla="*/ 1951522 w 5260975"/>
                <a:gd name="connsiteY189" fmla="*/ 1216994 h 1410656"/>
                <a:gd name="connsiteX190" fmla="*/ 1971302 w 5260975"/>
                <a:gd name="connsiteY190" fmla="*/ 1221507 h 1410656"/>
                <a:gd name="connsiteX191" fmla="*/ 2030831 w 5260975"/>
                <a:gd name="connsiteY191" fmla="*/ 1221123 h 1410656"/>
                <a:gd name="connsiteX192" fmla="*/ 2120125 w 5260975"/>
                <a:gd name="connsiteY192" fmla="*/ 1190878 h 1410656"/>
                <a:gd name="connsiteX193" fmla="*/ 2129439 w 5260975"/>
                <a:gd name="connsiteY193" fmla="*/ 1186845 h 1410656"/>
                <a:gd name="connsiteX194" fmla="*/ 2174854 w 5260975"/>
                <a:gd name="connsiteY194" fmla="*/ 1181852 h 1410656"/>
                <a:gd name="connsiteX195" fmla="*/ 2205674 w 5260975"/>
                <a:gd name="connsiteY195" fmla="*/ 1188669 h 1410656"/>
                <a:gd name="connsiteX196" fmla="*/ 2247634 w 5260975"/>
                <a:gd name="connsiteY196" fmla="*/ 1202784 h 1410656"/>
                <a:gd name="connsiteX197" fmla="*/ 2285367 w 5260975"/>
                <a:gd name="connsiteY197" fmla="*/ 1214594 h 1410656"/>
                <a:gd name="connsiteX198" fmla="*/ 2312827 w 5260975"/>
                <a:gd name="connsiteY198" fmla="*/ 1227939 h 1410656"/>
                <a:gd name="connsiteX199" fmla="*/ 2375622 w 5260975"/>
                <a:gd name="connsiteY199" fmla="*/ 1237733 h 1410656"/>
                <a:gd name="connsiteX200" fmla="*/ 2382151 w 5260975"/>
                <a:gd name="connsiteY200" fmla="*/ 1239365 h 1410656"/>
                <a:gd name="connsiteX201" fmla="*/ 2429390 w 5260975"/>
                <a:gd name="connsiteY201" fmla="*/ 1227459 h 1410656"/>
                <a:gd name="connsiteX202" fmla="*/ 2486134 w 5260975"/>
                <a:gd name="connsiteY202" fmla="*/ 1215362 h 1410656"/>
                <a:gd name="connsiteX203" fmla="*/ 2506394 w 5260975"/>
                <a:gd name="connsiteY203" fmla="*/ 1219490 h 1410656"/>
                <a:gd name="connsiteX204" fmla="*/ 2534142 w 5260975"/>
                <a:gd name="connsiteY204" fmla="*/ 1225347 h 1410656"/>
                <a:gd name="connsiteX205" fmla="*/ 2559874 w 5260975"/>
                <a:gd name="connsiteY205" fmla="*/ 1222275 h 1410656"/>
                <a:gd name="connsiteX206" fmla="*/ 2575525 w 5260975"/>
                <a:gd name="connsiteY206" fmla="*/ 1221987 h 1410656"/>
                <a:gd name="connsiteX207" fmla="*/ 2646960 w 5260975"/>
                <a:gd name="connsiteY207" fmla="*/ 1257896 h 1410656"/>
                <a:gd name="connsiteX208" fmla="*/ 2665107 w 5260975"/>
                <a:gd name="connsiteY208" fmla="*/ 1260873 h 1410656"/>
                <a:gd name="connsiteX209" fmla="*/ 2675381 w 5260975"/>
                <a:gd name="connsiteY209" fmla="*/ 1265290 h 1410656"/>
                <a:gd name="connsiteX210" fmla="*/ 2737311 w 5260975"/>
                <a:gd name="connsiteY210" fmla="*/ 1309841 h 1410656"/>
                <a:gd name="connsiteX211" fmla="*/ 2763619 w 5260975"/>
                <a:gd name="connsiteY211" fmla="*/ 1318866 h 1410656"/>
                <a:gd name="connsiteX212" fmla="*/ 2792519 w 5260975"/>
                <a:gd name="connsiteY212" fmla="*/ 1317041 h 1410656"/>
                <a:gd name="connsiteX213" fmla="*/ 2809226 w 5260975"/>
                <a:gd name="connsiteY213" fmla="*/ 1313777 h 1410656"/>
                <a:gd name="connsiteX214" fmla="*/ 2850705 w 5260975"/>
                <a:gd name="connsiteY214" fmla="*/ 1285452 h 1410656"/>
                <a:gd name="connsiteX215" fmla="*/ 2874324 w 5260975"/>
                <a:gd name="connsiteY215" fmla="*/ 1286413 h 1410656"/>
                <a:gd name="connsiteX216" fmla="*/ 2911194 w 5260975"/>
                <a:gd name="connsiteY216" fmla="*/ 1305903 h 1410656"/>
                <a:gd name="connsiteX217" fmla="*/ 2978116 w 5260975"/>
                <a:gd name="connsiteY217" fmla="*/ 1314641 h 1410656"/>
                <a:gd name="connsiteX218" fmla="*/ 3012106 w 5260975"/>
                <a:gd name="connsiteY218" fmla="*/ 1287373 h 1410656"/>
                <a:gd name="connsiteX219" fmla="*/ 3029676 w 5260975"/>
                <a:gd name="connsiteY219" fmla="*/ 1261161 h 1410656"/>
                <a:gd name="connsiteX220" fmla="*/ 3080469 w 5260975"/>
                <a:gd name="connsiteY220" fmla="*/ 1230724 h 1410656"/>
                <a:gd name="connsiteX221" fmla="*/ 3092567 w 5260975"/>
                <a:gd name="connsiteY221" fmla="*/ 1242054 h 1410656"/>
                <a:gd name="connsiteX222" fmla="*/ 3129821 w 5260975"/>
                <a:gd name="connsiteY222" fmla="*/ 1246855 h 1410656"/>
                <a:gd name="connsiteX223" fmla="*/ 3170147 w 5260975"/>
                <a:gd name="connsiteY223" fmla="*/ 1246471 h 1410656"/>
                <a:gd name="connsiteX224" fmla="*/ 3240429 w 5260975"/>
                <a:gd name="connsiteY224" fmla="*/ 1251559 h 1410656"/>
                <a:gd name="connsiteX225" fmla="*/ 3287189 w 5260975"/>
                <a:gd name="connsiteY225" fmla="*/ 1222466 h 1410656"/>
                <a:gd name="connsiteX226" fmla="*/ 3305049 w 5260975"/>
                <a:gd name="connsiteY226" fmla="*/ 1210465 h 1410656"/>
                <a:gd name="connsiteX227" fmla="*/ 3321755 w 5260975"/>
                <a:gd name="connsiteY227" fmla="*/ 1202784 h 1410656"/>
                <a:gd name="connsiteX228" fmla="*/ 3341055 w 5260975"/>
                <a:gd name="connsiteY228" fmla="*/ 1198463 h 1410656"/>
                <a:gd name="connsiteX229" fmla="*/ 3387621 w 5260975"/>
                <a:gd name="connsiteY229" fmla="*/ 1182140 h 1410656"/>
                <a:gd name="connsiteX230" fmla="*/ 3413161 w 5260975"/>
                <a:gd name="connsiteY230" fmla="*/ 1166105 h 1410656"/>
                <a:gd name="connsiteX231" fmla="*/ 3470579 w 5260975"/>
                <a:gd name="connsiteY231" fmla="*/ 1150647 h 1410656"/>
                <a:gd name="connsiteX232" fmla="*/ 3509657 w 5260975"/>
                <a:gd name="connsiteY232" fmla="*/ 1136821 h 1410656"/>
                <a:gd name="connsiteX233" fmla="*/ 3550847 w 5260975"/>
                <a:gd name="connsiteY233" fmla="*/ 1113009 h 1410656"/>
                <a:gd name="connsiteX234" fmla="*/ 3556608 w 5260975"/>
                <a:gd name="connsiteY234" fmla="*/ 1109361 h 1410656"/>
                <a:gd name="connsiteX235" fmla="*/ 3570435 w 5260975"/>
                <a:gd name="connsiteY235" fmla="*/ 1093710 h 1410656"/>
                <a:gd name="connsiteX236" fmla="*/ 3590501 w 5260975"/>
                <a:gd name="connsiteY236" fmla="*/ 1039846 h 1410656"/>
                <a:gd name="connsiteX237" fmla="*/ 3596263 w 5260975"/>
                <a:gd name="connsiteY237" fmla="*/ 1028900 h 1410656"/>
                <a:gd name="connsiteX238" fmla="*/ 3648591 w 5260975"/>
                <a:gd name="connsiteY238" fmla="*/ 992030 h 1410656"/>
                <a:gd name="connsiteX239" fmla="*/ 3667986 w 5260975"/>
                <a:gd name="connsiteY239" fmla="*/ 995487 h 1410656"/>
                <a:gd name="connsiteX240" fmla="*/ 3689397 w 5260975"/>
                <a:gd name="connsiteY240" fmla="*/ 1007585 h 1410656"/>
                <a:gd name="connsiteX241" fmla="*/ 3736349 w 5260975"/>
                <a:gd name="connsiteY241" fmla="*/ 1010753 h 1410656"/>
                <a:gd name="connsiteX242" fmla="*/ 3753919 w 5260975"/>
                <a:gd name="connsiteY242" fmla="*/ 1004513 h 1410656"/>
                <a:gd name="connsiteX243" fmla="*/ 3784643 w 5260975"/>
                <a:gd name="connsiteY243" fmla="*/ 987710 h 1410656"/>
                <a:gd name="connsiteX244" fmla="*/ 3808359 w 5260975"/>
                <a:gd name="connsiteY244" fmla="*/ 961689 h 1410656"/>
                <a:gd name="connsiteX245" fmla="*/ 3842829 w 5260975"/>
                <a:gd name="connsiteY245" fmla="*/ 918674 h 1410656"/>
                <a:gd name="connsiteX246" fmla="*/ 3908983 w 5260975"/>
                <a:gd name="connsiteY246" fmla="*/ 902256 h 1410656"/>
                <a:gd name="connsiteX247" fmla="*/ 3934428 w 5260975"/>
                <a:gd name="connsiteY247" fmla="*/ 896783 h 1410656"/>
                <a:gd name="connsiteX248" fmla="*/ 4026987 w 5260975"/>
                <a:gd name="connsiteY248" fmla="*/ 873835 h 1410656"/>
                <a:gd name="connsiteX249" fmla="*/ 4035051 w 5260975"/>
                <a:gd name="connsiteY249" fmla="*/ 873067 h 1410656"/>
                <a:gd name="connsiteX250" fmla="*/ 4099189 w 5260975"/>
                <a:gd name="connsiteY250" fmla="*/ 846664 h 1410656"/>
                <a:gd name="connsiteX251" fmla="*/ 4114647 w 5260975"/>
                <a:gd name="connsiteY251" fmla="*/ 840134 h 1410656"/>
                <a:gd name="connsiteX252" fmla="*/ 4133563 w 5260975"/>
                <a:gd name="connsiteY252" fmla="*/ 823427 h 1410656"/>
                <a:gd name="connsiteX253" fmla="*/ 4151039 w 5260975"/>
                <a:gd name="connsiteY253" fmla="*/ 776284 h 1410656"/>
                <a:gd name="connsiteX254" fmla="*/ 4171489 w 5260975"/>
                <a:gd name="connsiteY254" fmla="*/ 754776 h 1410656"/>
                <a:gd name="connsiteX255" fmla="*/ 4186372 w 5260975"/>
                <a:gd name="connsiteY255" fmla="*/ 741718 h 1410656"/>
                <a:gd name="connsiteX256" fmla="*/ 4199429 w 5260975"/>
                <a:gd name="connsiteY256" fmla="*/ 721940 h 1410656"/>
                <a:gd name="connsiteX257" fmla="*/ 4212487 w 5260975"/>
                <a:gd name="connsiteY257" fmla="*/ 674604 h 1410656"/>
                <a:gd name="connsiteX258" fmla="*/ 4232555 w 5260975"/>
                <a:gd name="connsiteY258" fmla="*/ 632645 h 1410656"/>
                <a:gd name="connsiteX259" fmla="*/ 4268657 w 5260975"/>
                <a:gd name="connsiteY259" fmla="*/ 609410 h 1410656"/>
                <a:gd name="connsiteX260" fmla="*/ 4291028 w 5260975"/>
                <a:gd name="connsiteY260" fmla="*/ 597216 h 1410656"/>
                <a:gd name="connsiteX261" fmla="*/ 4379651 w 5260975"/>
                <a:gd name="connsiteY261" fmla="*/ 609506 h 1410656"/>
                <a:gd name="connsiteX262" fmla="*/ 4440139 w 5260975"/>
                <a:gd name="connsiteY262" fmla="*/ 621507 h 1410656"/>
                <a:gd name="connsiteX263" fmla="*/ 4460015 w 5260975"/>
                <a:gd name="connsiteY263" fmla="*/ 616899 h 1410656"/>
                <a:gd name="connsiteX264" fmla="*/ 4516183 w 5260975"/>
                <a:gd name="connsiteY264" fmla="*/ 577724 h 1410656"/>
                <a:gd name="connsiteX265" fmla="*/ 4571681 w 5260975"/>
                <a:gd name="connsiteY265" fmla="*/ 560250 h 1410656"/>
                <a:gd name="connsiteX266" fmla="*/ 4613447 w 5260975"/>
                <a:gd name="connsiteY266" fmla="*/ 555257 h 1410656"/>
                <a:gd name="connsiteX267" fmla="*/ 4649355 w 5260975"/>
                <a:gd name="connsiteY267" fmla="*/ 551417 h 1410656"/>
                <a:gd name="connsiteX268" fmla="*/ 4692467 w 5260975"/>
                <a:gd name="connsiteY268" fmla="*/ 540663 h 1410656"/>
                <a:gd name="connsiteX269" fmla="*/ 4716855 w 5260975"/>
                <a:gd name="connsiteY269" fmla="*/ 528949 h 1410656"/>
                <a:gd name="connsiteX270" fmla="*/ 4755645 w 5260975"/>
                <a:gd name="connsiteY270" fmla="*/ 512147 h 1410656"/>
                <a:gd name="connsiteX271" fmla="*/ 4795395 w 5260975"/>
                <a:gd name="connsiteY271" fmla="*/ 490351 h 1410656"/>
                <a:gd name="connsiteX272" fmla="*/ 4825928 w 5260975"/>
                <a:gd name="connsiteY272" fmla="*/ 459818 h 1410656"/>
                <a:gd name="connsiteX273" fmla="*/ 4842347 w 5260975"/>
                <a:gd name="connsiteY273" fmla="*/ 434086 h 1410656"/>
                <a:gd name="connsiteX274" fmla="*/ 4890451 w 5260975"/>
                <a:gd name="connsiteY274" fmla="*/ 397216 h 1410656"/>
                <a:gd name="connsiteX275" fmla="*/ 4933945 w 5260975"/>
                <a:gd name="connsiteY275" fmla="*/ 327701 h 1410656"/>
                <a:gd name="connsiteX276" fmla="*/ 4961214 w 5260975"/>
                <a:gd name="connsiteY276" fmla="*/ 298801 h 1410656"/>
                <a:gd name="connsiteX277" fmla="*/ 4976672 w 5260975"/>
                <a:gd name="connsiteY277" fmla="*/ 290639 h 1410656"/>
                <a:gd name="connsiteX278" fmla="*/ 5002979 w 5260975"/>
                <a:gd name="connsiteY278" fmla="*/ 270573 h 1410656"/>
                <a:gd name="connsiteX279" fmla="*/ 5018535 w 5260975"/>
                <a:gd name="connsiteY279" fmla="*/ 255690 h 1410656"/>
                <a:gd name="connsiteX280" fmla="*/ 5061069 w 5260975"/>
                <a:gd name="connsiteY280" fmla="*/ 200961 h 1410656"/>
                <a:gd name="connsiteX281" fmla="*/ 5074127 w 5260975"/>
                <a:gd name="connsiteY281" fmla="*/ 184735 h 1410656"/>
                <a:gd name="connsiteX282" fmla="*/ 5101108 w 5260975"/>
                <a:gd name="connsiteY282" fmla="*/ 156891 h 1410656"/>
                <a:gd name="connsiteX283" fmla="*/ 5112918 w 5260975"/>
                <a:gd name="connsiteY283" fmla="*/ 148441 h 1410656"/>
                <a:gd name="connsiteX284" fmla="*/ 5133753 w 5260975"/>
                <a:gd name="connsiteY284" fmla="*/ 125782 h 1410656"/>
                <a:gd name="connsiteX285" fmla="*/ 5183393 w 5260975"/>
                <a:gd name="connsiteY285" fmla="*/ 66348 h 1410656"/>
                <a:gd name="connsiteX286" fmla="*/ 5204709 w 5260975"/>
                <a:gd name="connsiteY286" fmla="*/ 33030 h 1410656"/>
                <a:gd name="connsiteX287" fmla="*/ 5247243 w 5260975"/>
                <a:gd name="connsiteY287" fmla="*/ 8451 h 14106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Lst>
              <a:rect l="l" t="t" r="r" b="b"/>
              <a:pathLst>
                <a:path w="5260975" h="1410656">
                  <a:moveTo>
                    <a:pt x="5260975" y="0"/>
                  </a:moveTo>
                  <a:lnTo>
                    <a:pt x="5260975" y="221634"/>
                  </a:lnTo>
                  <a:lnTo>
                    <a:pt x="5226503" y="237063"/>
                  </a:lnTo>
                  <a:cubicBezTo>
                    <a:pt x="5219783" y="239848"/>
                    <a:pt x="5212389" y="241384"/>
                    <a:pt x="5206341" y="245128"/>
                  </a:cubicBezTo>
                  <a:cubicBezTo>
                    <a:pt x="5178495" y="262219"/>
                    <a:pt x="5151515" y="280654"/>
                    <a:pt x="5123287" y="297073"/>
                  </a:cubicBezTo>
                  <a:cubicBezTo>
                    <a:pt x="5094195" y="314067"/>
                    <a:pt x="5068175" y="334134"/>
                    <a:pt x="5048107" y="361307"/>
                  </a:cubicBezTo>
                  <a:cubicBezTo>
                    <a:pt x="5029480" y="386559"/>
                    <a:pt x="5011429" y="412194"/>
                    <a:pt x="4992899" y="437542"/>
                  </a:cubicBezTo>
                  <a:cubicBezTo>
                    <a:pt x="4988194" y="443975"/>
                    <a:pt x="4983873" y="451561"/>
                    <a:pt x="4977440" y="455690"/>
                  </a:cubicBezTo>
                  <a:cubicBezTo>
                    <a:pt x="4964094" y="464331"/>
                    <a:pt x="4949499" y="471340"/>
                    <a:pt x="4935193" y="478445"/>
                  </a:cubicBezTo>
                  <a:cubicBezTo>
                    <a:pt x="4922903" y="484494"/>
                    <a:pt x="4909845" y="489006"/>
                    <a:pt x="4897844" y="495535"/>
                  </a:cubicBezTo>
                  <a:cubicBezTo>
                    <a:pt x="4888243" y="500721"/>
                    <a:pt x="4879697" y="507922"/>
                    <a:pt x="4870767" y="514451"/>
                  </a:cubicBezTo>
                  <a:cubicBezTo>
                    <a:pt x="4862990" y="520115"/>
                    <a:pt x="4854445" y="525012"/>
                    <a:pt x="4847916" y="531830"/>
                  </a:cubicBezTo>
                  <a:cubicBezTo>
                    <a:pt x="4831977" y="548344"/>
                    <a:pt x="4815942" y="564571"/>
                    <a:pt x="4796163" y="576765"/>
                  </a:cubicBezTo>
                  <a:cubicBezTo>
                    <a:pt x="4776672" y="588862"/>
                    <a:pt x="4758237" y="602401"/>
                    <a:pt x="4738843" y="614691"/>
                  </a:cubicBezTo>
                  <a:cubicBezTo>
                    <a:pt x="4719831" y="626693"/>
                    <a:pt x="4702645" y="639846"/>
                    <a:pt x="4692755" y="661162"/>
                  </a:cubicBezTo>
                  <a:cubicBezTo>
                    <a:pt x="4688339" y="670571"/>
                    <a:pt x="4682097" y="680845"/>
                    <a:pt x="4673744" y="686318"/>
                  </a:cubicBezTo>
                  <a:cubicBezTo>
                    <a:pt x="4661838" y="694095"/>
                    <a:pt x="4646764" y="696880"/>
                    <a:pt x="4633801" y="703505"/>
                  </a:cubicBezTo>
                  <a:cubicBezTo>
                    <a:pt x="4618535" y="711282"/>
                    <a:pt x="4600869" y="718003"/>
                    <a:pt x="4590499" y="730389"/>
                  </a:cubicBezTo>
                  <a:cubicBezTo>
                    <a:pt x="4581281" y="741431"/>
                    <a:pt x="4571968" y="750072"/>
                    <a:pt x="4559773" y="757081"/>
                  </a:cubicBezTo>
                  <a:cubicBezTo>
                    <a:pt x="4551229" y="761978"/>
                    <a:pt x="4544892" y="770907"/>
                    <a:pt x="4536059" y="774940"/>
                  </a:cubicBezTo>
                  <a:cubicBezTo>
                    <a:pt x="4524441" y="780317"/>
                    <a:pt x="4512727" y="784542"/>
                    <a:pt x="4502549" y="792895"/>
                  </a:cubicBezTo>
                  <a:cubicBezTo>
                    <a:pt x="4491987" y="801536"/>
                    <a:pt x="4479986" y="808353"/>
                    <a:pt x="4468944" y="816419"/>
                  </a:cubicBezTo>
                  <a:cubicBezTo>
                    <a:pt x="4463087" y="820739"/>
                    <a:pt x="4458286" y="826404"/>
                    <a:pt x="4452622" y="830917"/>
                  </a:cubicBezTo>
                  <a:cubicBezTo>
                    <a:pt x="4442252" y="839174"/>
                    <a:pt x="4431690" y="847239"/>
                    <a:pt x="4421032" y="855016"/>
                  </a:cubicBezTo>
                  <a:cubicBezTo>
                    <a:pt x="4410375" y="862794"/>
                    <a:pt x="4400197" y="871819"/>
                    <a:pt x="4388483" y="877484"/>
                  </a:cubicBezTo>
                  <a:cubicBezTo>
                    <a:pt x="4368513" y="887086"/>
                    <a:pt x="4346717" y="892847"/>
                    <a:pt x="4327321" y="903216"/>
                  </a:cubicBezTo>
                  <a:cubicBezTo>
                    <a:pt x="4307639" y="913777"/>
                    <a:pt x="4289107" y="927028"/>
                    <a:pt x="4271633" y="941046"/>
                  </a:cubicBezTo>
                  <a:cubicBezTo>
                    <a:pt x="4257807" y="952088"/>
                    <a:pt x="4244845" y="963034"/>
                    <a:pt x="4227465" y="968698"/>
                  </a:cubicBezTo>
                  <a:cubicBezTo>
                    <a:pt x="4217768" y="971867"/>
                    <a:pt x="4207591" y="978780"/>
                    <a:pt x="4201733" y="986846"/>
                  </a:cubicBezTo>
                  <a:cubicBezTo>
                    <a:pt x="4189059" y="1004416"/>
                    <a:pt x="4172833" y="1016802"/>
                    <a:pt x="4154494" y="1027364"/>
                  </a:cubicBezTo>
                  <a:cubicBezTo>
                    <a:pt x="4130010" y="1041574"/>
                    <a:pt x="4105814" y="1056072"/>
                    <a:pt x="4081234" y="1069994"/>
                  </a:cubicBezTo>
                  <a:cubicBezTo>
                    <a:pt x="4066737" y="1078252"/>
                    <a:pt x="4052335" y="1086989"/>
                    <a:pt x="4036971" y="1093038"/>
                  </a:cubicBezTo>
                  <a:cubicBezTo>
                    <a:pt x="4005575" y="1105520"/>
                    <a:pt x="3973410" y="1116177"/>
                    <a:pt x="3941725" y="1127796"/>
                  </a:cubicBezTo>
                  <a:cubicBezTo>
                    <a:pt x="3931355" y="1131540"/>
                    <a:pt x="3921561" y="1136917"/>
                    <a:pt x="3910999" y="1140182"/>
                  </a:cubicBezTo>
                  <a:cubicBezTo>
                    <a:pt x="3899573" y="1143734"/>
                    <a:pt x="3887285" y="1144790"/>
                    <a:pt x="3875859" y="1148343"/>
                  </a:cubicBezTo>
                  <a:cubicBezTo>
                    <a:pt x="3856847" y="1154199"/>
                    <a:pt x="3838412" y="1161689"/>
                    <a:pt x="3819401" y="1167642"/>
                  </a:cubicBezTo>
                  <a:cubicBezTo>
                    <a:pt x="3782723" y="1179068"/>
                    <a:pt x="3745949" y="1190014"/>
                    <a:pt x="3709176" y="1200863"/>
                  </a:cubicBezTo>
                  <a:cubicBezTo>
                    <a:pt x="3701303" y="1203168"/>
                    <a:pt x="3692757" y="1203456"/>
                    <a:pt x="3684981" y="1205952"/>
                  </a:cubicBezTo>
                  <a:cubicBezTo>
                    <a:pt x="3664337" y="1212673"/>
                    <a:pt x="3643789" y="1219970"/>
                    <a:pt x="3623338" y="1227363"/>
                  </a:cubicBezTo>
                  <a:cubicBezTo>
                    <a:pt x="3610953" y="1231876"/>
                    <a:pt x="3598854" y="1237445"/>
                    <a:pt x="3586373" y="1241765"/>
                  </a:cubicBezTo>
                  <a:cubicBezTo>
                    <a:pt x="3576387" y="1245222"/>
                    <a:pt x="3566113" y="1247910"/>
                    <a:pt x="3555743" y="1250023"/>
                  </a:cubicBezTo>
                  <a:cubicBezTo>
                    <a:pt x="3546814" y="1251848"/>
                    <a:pt x="3537501" y="1251655"/>
                    <a:pt x="3528667" y="1253864"/>
                  </a:cubicBezTo>
                  <a:cubicBezTo>
                    <a:pt x="3504759" y="1259816"/>
                    <a:pt x="3481140" y="1266538"/>
                    <a:pt x="3457424" y="1272874"/>
                  </a:cubicBezTo>
                  <a:cubicBezTo>
                    <a:pt x="3447919" y="1275371"/>
                    <a:pt x="3438221" y="1277196"/>
                    <a:pt x="3429003" y="1280364"/>
                  </a:cubicBezTo>
                  <a:cubicBezTo>
                    <a:pt x="3404327" y="1288717"/>
                    <a:pt x="3380036" y="1298222"/>
                    <a:pt x="3355264" y="1306096"/>
                  </a:cubicBezTo>
                  <a:cubicBezTo>
                    <a:pt x="3334717" y="1312625"/>
                    <a:pt x="3313593" y="1317329"/>
                    <a:pt x="3292757" y="1323090"/>
                  </a:cubicBezTo>
                  <a:cubicBezTo>
                    <a:pt x="3283924" y="1325587"/>
                    <a:pt x="3275475" y="1329140"/>
                    <a:pt x="3266643" y="1331251"/>
                  </a:cubicBezTo>
                  <a:cubicBezTo>
                    <a:pt x="3246863" y="1336053"/>
                    <a:pt x="3226796" y="1340085"/>
                    <a:pt x="3206921" y="1344886"/>
                  </a:cubicBezTo>
                  <a:cubicBezTo>
                    <a:pt x="3195590" y="1347670"/>
                    <a:pt x="3184645" y="1352663"/>
                    <a:pt x="3173123" y="1354488"/>
                  </a:cubicBezTo>
                  <a:cubicBezTo>
                    <a:pt x="3145759" y="1358808"/>
                    <a:pt x="3118203" y="1361880"/>
                    <a:pt x="3090646" y="1365337"/>
                  </a:cubicBezTo>
                  <a:cubicBezTo>
                    <a:pt x="3062227" y="1368889"/>
                    <a:pt x="3033902" y="1372634"/>
                    <a:pt x="3005480" y="1375802"/>
                  </a:cubicBezTo>
                  <a:cubicBezTo>
                    <a:pt x="2989926" y="1377435"/>
                    <a:pt x="2974275" y="1377723"/>
                    <a:pt x="2958721" y="1379259"/>
                  </a:cubicBezTo>
                  <a:cubicBezTo>
                    <a:pt x="2945087" y="1380604"/>
                    <a:pt x="2931549" y="1383100"/>
                    <a:pt x="2917915" y="1384733"/>
                  </a:cubicBezTo>
                  <a:cubicBezTo>
                    <a:pt x="2906105" y="1386076"/>
                    <a:pt x="2894199" y="1386844"/>
                    <a:pt x="2882389" y="1388189"/>
                  </a:cubicBezTo>
                  <a:cubicBezTo>
                    <a:pt x="2863475" y="1390397"/>
                    <a:pt x="2844655" y="1392894"/>
                    <a:pt x="2825837" y="1395198"/>
                  </a:cubicBezTo>
                  <a:cubicBezTo>
                    <a:pt x="2817964" y="1396062"/>
                    <a:pt x="2809706" y="1398462"/>
                    <a:pt x="2802313" y="1397023"/>
                  </a:cubicBezTo>
                  <a:cubicBezTo>
                    <a:pt x="2783686" y="1393373"/>
                    <a:pt x="2765347" y="1394430"/>
                    <a:pt x="2746816" y="1396926"/>
                  </a:cubicBezTo>
                  <a:cubicBezTo>
                    <a:pt x="2740479" y="1397791"/>
                    <a:pt x="2733662" y="1397598"/>
                    <a:pt x="2727517" y="1395966"/>
                  </a:cubicBezTo>
                  <a:cubicBezTo>
                    <a:pt x="2714939" y="1392701"/>
                    <a:pt x="2702745" y="1388092"/>
                    <a:pt x="2690359" y="1384060"/>
                  </a:cubicBezTo>
                  <a:cubicBezTo>
                    <a:pt x="2689014" y="1383580"/>
                    <a:pt x="2687382" y="1383484"/>
                    <a:pt x="2685943" y="1383196"/>
                  </a:cubicBezTo>
                  <a:cubicBezTo>
                    <a:pt x="2677781" y="1381563"/>
                    <a:pt x="2669717" y="1379931"/>
                    <a:pt x="2661554" y="1378491"/>
                  </a:cubicBezTo>
                  <a:cubicBezTo>
                    <a:pt x="2657138" y="1377723"/>
                    <a:pt x="2652625" y="1377627"/>
                    <a:pt x="2648208" y="1376955"/>
                  </a:cubicBezTo>
                  <a:cubicBezTo>
                    <a:pt x="2631118" y="1374266"/>
                    <a:pt x="2612299" y="1378779"/>
                    <a:pt x="2597512" y="1367162"/>
                  </a:cubicBezTo>
                  <a:cubicBezTo>
                    <a:pt x="2587911" y="1359672"/>
                    <a:pt x="2578597" y="1361401"/>
                    <a:pt x="2568324" y="1362553"/>
                  </a:cubicBezTo>
                  <a:cubicBezTo>
                    <a:pt x="2560547" y="1363417"/>
                    <a:pt x="2552577" y="1363128"/>
                    <a:pt x="2544704" y="1363225"/>
                  </a:cubicBezTo>
                  <a:cubicBezTo>
                    <a:pt x="2530878" y="1363512"/>
                    <a:pt x="2517052" y="1363609"/>
                    <a:pt x="2503225" y="1364089"/>
                  </a:cubicBezTo>
                  <a:cubicBezTo>
                    <a:pt x="2498808" y="1364281"/>
                    <a:pt x="2494297" y="1366682"/>
                    <a:pt x="2489975" y="1366298"/>
                  </a:cubicBezTo>
                  <a:cubicBezTo>
                    <a:pt x="2470004" y="1364473"/>
                    <a:pt x="2450033" y="1361592"/>
                    <a:pt x="2430061" y="1359960"/>
                  </a:cubicBezTo>
                  <a:cubicBezTo>
                    <a:pt x="2418732" y="1359001"/>
                    <a:pt x="2407114" y="1360824"/>
                    <a:pt x="2395880" y="1359480"/>
                  </a:cubicBezTo>
                  <a:cubicBezTo>
                    <a:pt x="2382919" y="1357944"/>
                    <a:pt x="2370245" y="1354008"/>
                    <a:pt x="2357378" y="1351607"/>
                  </a:cubicBezTo>
                  <a:cubicBezTo>
                    <a:pt x="2353826" y="1350935"/>
                    <a:pt x="2349889" y="1351799"/>
                    <a:pt x="2346145" y="1351991"/>
                  </a:cubicBezTo>
                  <a:cubicBezTo>
                    <a:pt x="2341920" y="1352183"/>
                    <a:pt x="2337791" y="1352567"/>
                    <a:pt x="2333567" y="1352663"/>
                  </a:cubicBezTo>
                  <a:cubicBezTo>
                    <a:pt x="2320700" y="1352856"/>
                    <a:pt x="2307835" y="1352567"/>
                    <a:pt x="2294968" y="1353240"/>
                  </a:cubicBezTo>
                  <a:cubicBezTo>
                    <a:pt x="2287095" y="1353624"/>
                    <a:pt x="2278839" y="1357560"/>
                    <a:pt x="2271540" y="1356120"/>
                  </a:cubicBezTo>
                  <a:cubicBezTo>
                    <a:pt x="2256659" y="1353335"/>
                    <a:pt x="2241776" y="1359576"/>
                    <a:pt x="2226895" y="1354392"/>
                  </a:cubicBezTo>
                  <a:cubicBezTo>
                    <a:pt x="2222285" y="1352856"/>
                    <a:pt x="2215948" y="1356696"/>
                    <a:pt x="2210379" y="1356888"/>
                  </a:cubicBezTo>
                  <a:cubicBezTo>
                    <a:pt x="2196457" y="1357368"/>
                    <a:pt x="2182535" y="1357272"/>
                    <a:pt x="2168613" y="1357176"/>
                  </a:cubicBezTo>
                  <a:cubicBezTo>
                    <a:pt x="2156131" y="1357080"/>
                    <a:pt x="2143168" y="1358424"/>
                    <a:pt x="2131167" y="1355736"/>
                  </a:cubicBezTo>
                  <a:cubicBezTo>
                    <a:pt x="2118588" y="1352856"/>
                    <a:pt x="2107259" y="1353240"/>
                    <a:pt x="2095065" y="1356504"/>
                  </a:cubicBezTo>
                  <a:cubicBezTo>
                    <a:pt x="2086711" y="1358712"/>
                    <a:pt x="2077878" y="1359001"/>
                    <a:pt x="2069237" y="1359672"/>
                  </a:cubicBezTo>
                  <a:cubicBezTo>
                    <a:pt x="2059924" y="1360440"/>
                    <a:pt x="2049650" y="1358424"/>
                    <a:pt x="2041201" y="1361592"/>
                  </a:cubicBezTo>
                  <a:cubicBezTo>
                    <a:pt x="2016044" y="1371002"/>
                    <a:pt x="1990216" y="1373018"/>
                    <a:pt x="1963909" y="1373018"/>
                  </a:cubicBezTo>
                  <a:cubicBezTo>
                    <a:pt x="1959107" y="1373018"/>
                    <a:pt x="1954210" y="1371675"/>
                    <a:pt x="1949603" y="1370234"/>
                  </a:cubicBezTo>
                  <a:cubicBezTo>
                    <a:pt x="1922717" y="1361592"/>
                    <a:pt x="1895737" y="1362360"/>
                    <a:pt x="1868373" y="1367641"/>
                  </a:cubicBezTo>
                  <a:cubicBezTo>
                    <a:pt x="1862708" y="1368794"/>
                    <a:pt x="1856372" y="1368986"/>
                    <a:pt x="1850707" y="1367834"/>
                  </a:cubicBezTo>
                  <a:cubicBezTo>
                    <a:pt x="1834768" y="1364473"/>
                    <a:pt x="1819309" y="1358904"/>
                    <a:pt x="1803275" y="1356504"/>
                  </a:cubicBezTo>
                  <a:cubicBezTo>
                    <a:pt x="1776775" y="1352567"/>
                    <a:pt x="1753828" y="1365817"/>
                    <a:pt x="1730112" y="1374459"/>
                  </a:cubicBezTo>
                  <a:cubicBezTo>
                    <a:pt x="1707548" y="1382620"/>
                    <a:pt x="1688345" y="1401055"/>
                    <a:pt x="1661652" y="1396926"/>
                  </a:cubicBezTo>
                  <a:cubicBezTo>
                    <a:pt x="1658965" y="1396542"/>
                    <a:pt x="1655988" y="1399134"/>
                    <a:pt x="1653011" y="1399807"/>
                  </a:cubicBezTo>
                  <a:cubicBezTo>
                    <a:pt x="1644850" y="1401631"/>
                    <a:pt x="1636689" y="1403839"/>
                    <a:pt x="1628431" y="1404704"/>
                  </a:cubicBezTo>
                  <a:cubicBezTo>
                    <a:pt x="1618350" y="1405856"/>
                    <a:pt x="1608076" y="1405472"/>
                    <a:pt x="1597995" y="1406432"/>
                  </a:cubicBezTo>
                  <a:cubicBezTo>
                    <a:pt x="1585032" y="1407584"/>
                    <a:pt x="1572263" y="1410656"/>
                    <a:pt x="1559396" y="1410656"/>
                  </a:cubicBezTo>
                  <a:cubicBezTo>
                    <a:pt x="1549026" y="1410656"/>
                    <a:pt x="1538753" y="1407104"/>
                    <a:pt x="1528480" y="1405375"/>
                  </a:cubicBezTo>
                  <a:cubicBezTo>
                    <a:pt x="1513981" y="1402975"/>
                    <a:pt x="1498042" y="1403647"/>
                    <a:pt x="1485272" y="1397502"/>
                  </a:cubicBezTo>
                  <a:cubicBezTo>
                    <a:pt x="1471639" y="1390973"/>
                    <a:pt x="1458676" y="1387997"/>
                    <a:pt x="1444562" y="1390013"/>
                  </a:cubicBezTo>
                  <a:cubicBezTo>
                    <a:pt x="1439857" y="1390685"/>
                    <a:pt x="1433808" y="1394718"/>
                    <a:pt x="1431696" y="1398846"/>
                  </a:cubicBezTo>
                  <a:cubicBezTo>
                    <a:pt x="1426991" y="1408064"/>
                    <a:pt x="1420559" y="1409697"/>
                    <a:pt x="1411821" y="1406527"/>
                  </a:cubicBezTo>
                  <a:cubicBezTo>
                    <a:pt x="1404236" y="1403839"/>
                    <a:pt x="1394922" y="1402495"/>
                    <a:pt x="1389738" y="1397310"/>
                  </a:cubicBezTo>
                  <a:cubicBezTo>
                    <a:pt x="1375047" y="1382620"/>
                    <a:pt x="1356324" y="1382140"/>
                    <a:pt x="1338081" y="1378204"/>
                  </a:cubicBezTo>
                  <a:cubicBezTo>
                    <a:pt x="1326945" y="1375802"/>
                    <a:pt x="1316574" y="1375707"/>
                    <a:pt x="1305436" y="1377339"/>
                  </a:cubicBezTo>
                  <a:cubicBezTo>
                    <a:pt x="1281241" y="1380988"/>
                    <a:pt x="1257717" y="1375802"/>
                    <a:pt x="1234481" y="1369178"/>
                  </a:cubicBezTo>
                  <a:cubicBezTo>
                    <a:pt x="1219118" y="1364761"/>
                    <a:pt x="1203372" y="1362073"/>
                    <a:pt x="1188106" y="1357560"/>
                  </a:cubicBezTo>
                  <a:cubicBezTo>
                    <a:pt x="1176680" y="1354104"/>
                    <a:pt x="1165255" y="1349975"/>
                    <a:pt x="1154790" y="1344406"/>
                  </a:cubicBezTo>
                  <a:cubicBezTo>
                    <a:pt x="1139618" y="1336244"/>
                    <a:pt x="1126369" y="1323954"/>
                    <a:pt x="1107069" y="1327219"/>
                  </a:cubicBezTo>
                  <a:cubicBezTo>
                    <a:pt x="1090074" y="1330099"/>
                    <a:pt x="1074713" y="1324051"/>
                    <a:pt x="1059158" y="1318290"/>
                  </a:cubicBezTo>
                  <a:cubicBezTo>
                    <a:pt x="1047732" y="1314065"/>
                    <a:pt x="1036308" y="1309744"/>
                    <a:pt x="1024496" y="1307056"/>
                  </a:cubicBezTo>
                  <a:cubicBezTo>
                    <a:pt x="1010478" y="1303887"/>
                    <a:pt x="994635" y="1305232"/>
                    <a:pt x="982153" y="1299374"/>
                  </a:cubicBezTo>
                  <a:cubicBezTo>
                    <a:pt x="969095" y="1293229"/>
                    <a:pt x="958246" y="1297358"/>
                    <a:pt x="946628" y="1299087"/>
                  </a:cubicBezTo>
                  <a:cubicBezTo>
                    <a:pt x="928097" y="1301775"/>
                    <a:pt x="909661" y="1306768"/>
                    <a:pt x="890939" y="1300431"/>
                  </a:cubicBezTo>
                  <a:cubicBezTo>
                    <a:pt x="868184" y="1292750"/>
                    <a:pt x="845620" y="1284493"/>
                    <a:pt x="822769" y="1277196"/>
                  </a:cubicBezTo>
                  <a:cubicBezTo>
                    <a:pt x="813934" y="1274410"/>
                    <a:pt x="804431" y="1273258"/>
                    <a:pt x="795212" y="1272010"/>
                  </a:cubicBezTo>
                  <a:cubicBezTo>
                    <a:pt x="786476" y="1270954"/>
                    <a:pt x="776010" y="1273642"/>
                    <a:pt x="769288" y="1269610"/>
                  </a:cubicBezTo>
                  <a:cubicBezTo>
                    <a:pt x="752005" y="1259241"/>
                    <a:pt x="734243" y="1254152"/>
                    <a:pt x="714271" y="1254152"/>
                  </a:cubicBezTo>
                  <a:cubicBezTo>
                    <a:pt x="706781" y="1254152"/>
                    <a:pt x="699484" y="1249831"/>
                    <a:pt x="691900" y="1249062"/>
                  </a:cubicBezTo>
                  <a:cubicBezTo>
                    <a:pt x="681529" y="1248103"/>
                    <a:pt x="669623" y="1245510"/>
                    <a:pt x="660598" y="1249159"/>
                  </a:cubicBezTo>
                  <a:cubicBezTo>
                    <a:pt x="639379" y="1257800"/>
                    <a:pt x="622193" y="1250599"/>
                    <a:pt x="603662" y="1242054"/>
                  </a:cubicBezTo>
                  <a:cubicBezTo>
                    <a:pt x="585418" y="1233604"/>
                    <a:pt x="566215" y="1226884"/>
                    <a:pt x="546821" y="1221314"/>
                  </a:cubicBezTo>
                  <a:cubicBezTo>
                    <a:pt x="539524" y="1219298"/>
                    <a:pt x="530787" y="1222659"/>
                    <a:pt x="522721" y="1223330"/>
                  </a:cubicBezTo>
                  <a:cubicBezTo>
                    <a:pt x="519840" y="1223523"/>
                    <a:pt x="516671" y="1223811"/>
                    <a:pt x="514080" y="1222851"/>
                  </a:cubicBezTo>
                  <a:cubicBezTo>
                    <a:pt x="489020" y="1213633"/>
                    <a:pt x="463575" y="1206624"/>
                    <a:pt x="436404" y="1211424"/>
                  </a:cubicBezTo>
                  <a:cubicBezTo>
                    <a:pt x="433908" y="1211905"/>
                    <a:pt x="431123" y="1210849"/>
                    <a:pt x="428626" y="1210177"/>
                  </a:cubicBezTo>
                  <a:cubicBezTo>
                    <a:pt x="416432" y="1206720"/>
                    <a:pt x="404526" y="1201247"/>
                    <a:pt x="392141" y="1199999"/>
                  </a:cubicBezTo>
                  <a:cubicBezTo>
                    <a:pt x="361608" y="1196927"/>
                    <a:pt x="330884" y="1195678"/>
                    <a:pt x="300157" y="1193662"/>
                  </a:cubicBezTo>
                  <a:cubicBezTo>
                    <a:pt x="298237" y="1193566"/>
                    <a:pt x="296221" y="1193566"/>
                    <a:pt x="294493" y="1192894"/>
                  </a:cubicBezTo>
                  <a:cubicBezTo>
                    <a:pt x="283163" y="1188765"/>
                    <a:pt x="273274" y="1190110"/>
                    <a:pt x="263671" y="1197982"/>
                  </a:cubicBezTo>
                  <a:cubicBezTo>
                    <a:pt x="259447" y="1201439"/>
                    <a:pt x="253686" y="1203263"/>
                    <a:pt x="248406" y="1205184"/>
                  </a:cubicBezTo>
                  <a:cubicBezTo>
                    <a:pt x="240628" y="1208065"/>
                    <a:pt x="232659" y="1210849"/>
                    <a:pt x="224594" y="1212673"/>
                  </a:cubicBezTo>
                  <a:cubicBezTo>
                    <a:pt x="216624" y="1214401"/>
                    <a:pt x="208079" y="1216801"/>
                    <a:pt x="200398" y="1215458"/>
                  </a:cubicBezTo>
                  <a:cubicBezTo>
                    <a:pt x="186572" y="1213057"/>
                    <a:pt x="173417" y="1207681"/>
                    <a:pt x="159783" y="1204127"/>
                  </a:cubicBezTo>
                  <a:cubicBezTo>
                    <a:pt x="155079" y="1202879"/>
                    <a:pt x="149893" y="1203072"/>
                    <a:pt x="144997" y="1202975"/>
                  </a:cubicBezTo>
                  <a:cubicBezTo>
                    <a:pt x="133763" y="1202688"/>
                    <a:pt x="122241" y="1205472"/>
                    <a:pt x="112064" y="1197503"/>
                  </a:cubicBezTo>
                  <a:cubicBezTo>
                    <a:pt x="102655" y="1190014"/>
                    <a:pt x="93148" y="1192221"/>
                    <a:pt x="83259" y="1197887"/>
                  </a:cubicBezTo>
                  <a:cubicBezTo>
                    <a:pt x="76154" y="1201920"/>
                    <a:pt x="68090" y="1205088"/>
                    <a:pt x="60120" y="1206624"/>
                  </a:cubicBezTo>
                  <a:cubicBezTo>
                    <a:pt x="49174" y="1208736"/>
                    <a:pt x="38324" y="1209601"/>
                    <a:pt x="26514" y="1208352"/>
                  </a:cubicBezTo>
                  <a:cubicBezTo>
                    <a:pt x="18161" y="1207488"/>
                    <a:pt x="11343" y="1207104"/>
                    <a:pt x="4814" y="1202015"/>
                  </a:cubicBezTo>
                  <a:cubicBezTo>
                    <a:pt x="3759" y="1201247"/>
                    <a:pt x="1839" y="1201055"/>
                    <a:pt x="398" y="1201152"/>
                  </a:cubicBezTo>
                  <a:lnTo>
                    <a:pt x="0" y="1201150"/>
                  </a:lnTo>
                  <a:lnTo>
                    <a:pt x="0" y="1004512"/>
                  </a:lnTo>
                  <a:lnTo>
                    <a:pt x="30355" y="1002784"/>
                  </a:lnTo>
                  <a:cubicBezTo>
                    <a:pt x="37748" y="1002111"/>
                    <a:pt x="44853" y="999520"/>
                    <a:pt x="52151" y="997695"/>
                  </a:cubicBezTo>
                  <a:cubicBezTo>
                    <a:pt x="56183" y="996639"/>
                    <a:pt x="60504" y="993855"/>
                    <a:pt x="64248" y="994430"/>
                  </a:cubicBezTo>
                  <a:cubicBezTo>
                    <a:pt x="85948" y="997791"/>
                    <a:pt x="105823" y="989534"/>
                    <a:pt x="126370" y="985405"/>
                  </a:cubicBezTo>
                  <a:cubicBezTo>
                    <a:pt x="135876" y="983485"/>
                    <a:pt x="144805" y="978876"/>
                    <a:pt x="154022" y="975708"/>
                  </a:cubicBezTo>
                  <a:cubicBezTo>
                    <a:pt x="156423" y="974843"/>
                    <a:pt x="159111" y="974075"/>
                    <a:pt x="161512" y="974268"/>
                  </a:cubicBezTo>
                  <a:cubicBezTo>
                    <a:pt x="175242" y="975420"/>
                    <a:pt x="188876" y="977052"/>
                    <a:pt x="202510" y="978300"/>
                  </a:cubicBezTo>
                  <a:cubicBezTo>
                    <a:pt x="214896" y="979452"/>
                    <a:pt x="227378" y="979836"/>
                    <a:pt x="233235" y="993950"/>
                  </a:cubicBezTo>
                  <a:cubicBezTo>
                    <a:pt x="234100" y="996159"/>
                    <a:pt x="236979" y="997791"/>
                    <a:pt x="239188" y="999231"/>
                  </a:cubicBezTo>
                  <a:cubicBezTo>
                    <a:pt x="273274" y="1021411"/>
                    <a:pt x="291516" y="1020835"/>
                    <a:pt x="324834" y="997407"/>
                  </a:cubicBezTo>
                  <a:cubicBezTo>
                    <a:pt x="328290" y="995007"/>
                    <a:pt x="335683" y="993278"/>
                    <a:pt x="337987" y="995198"/>
                  </a:cubicBezTo>
                  <a:cubicBezTo>
                    <a:pt x="357575" y="1011137"/>
                    <a:pt x="378986" y="1009409"/>
                    <a:pt x="401550" y="1004416"/>
                  </a:cubicBezTo>
                  <a:cubicBezTo>
                    <a:pt x="407407" y="1003072"/>
                    <a:pt x="415664" y="1003072"/>
                    <a:pt x="420081" y="1006240"/>
                  </a:cubicBezTo>
                  <a:cubicBezTo>
                    <a:pt x="441108" y="1020930"/>
                    <a:pt x="463672" y="1018819"/>
                    <a:pt x="486523" y="1014498"/>
                  </a:cubicBezTo>
                  <a:cubicBezTo>
                    <a:pt x="490075" y="1013826"/>
                    <a:pt x="494397" y="1010177"/>
                    <a:pt x="495932" y="1006817"/>
                  </a:cubicBezTo>
                  <a:cubicBezTo>
                    <a:pt x="501406" y="994911"/>
                    <a:pt x="511680" y="990878"/>
                    <a:pt x="523009" y="987517"/>
                  </a:cubicBezTo>
                  <a:cubicBezTo>
                    <a:pt x="540868" y="982044"/>
                    <a:pt x="558438" y="975611"/>
                    <a:pt x="576393" y="970427"/>
                  </a:cubicBezTo>
                  <a:cubicBezTo>
                    <a:pt x="580811" y="969179"/>
                    <a:pt x="586283" y="969947"/>
                    <a:pt x="590892" y="971387"/>
                  </a:cubicBezTo>
                  <a:cubicBezTo>
                    <a:pt x="606638" y="976284"/>
                    <a:pt x="616624" y="988574"/>
                    <a:pt x="627569" y="999904"/>
                  </a:cubicBezTo>
                  <a:cubicBezTo>
                    <a:pt x="632370" y="1004897"/>
                    <a:pt x="638995" y="1008449"/>
                    <a:pt x="645429" y="1011329"/>
                  </a:cubicBezTo>
                  <a:cubicBezTo>
                    <a:pt x="662135" y="1018723"/>
                    <a:pt x="679226" y="1025348"/>
                    <a:pt x="696125" y="1032356"/>
                  </a:cubicBezTo>
                  <a:cubicBezTo>
                    <a:pt x="697757" y="1033029"/>
                    <a:pt x="699100" y="1034757"/>
                    <a:pt x="700349" y="1036197"/>
                  </a:cubicBezTo>
                  <a:cubicBezTo>
                    <a:pt x="712831" y="1051368"/>
                    <a:pt x="725216" y="1066634"/>
                    <a:pt x="737795" y="1081804"/>
                  </a:cubicBezTo>
                  <a:cubicBezTo>
                    <a:pt x="740195" y="1084684"/>
                    <a:pt x="743652" y="1086797"/>
                    <a:pt x="746244" y="1089581"/>
                  </a:cubicBezTo>
                  <a:cubicBezTo>
                    <a:pt x="749893" y="1093422"/>
                    <a:pt x="754502" y="1097071"/>
                    <a:pt x="756422" y="1101680"/>
                  </a:cubicBezTo>
                  <a:cubicBezTo>
                    <a:pt x="762374" y="1116177"/>
                    <a:pt x="773801" y="1122419"/>
                    <a:pt x="788202" y="1125108"/>
                  </a:cubicBezTo>
                  <a:cubicBezTo>
                    <a:pt x="801357" y="1127603"/>
                    <a:pt x="814511" y="1129716"/>
                    <a:pt x="827569" y="1132596"/>
                  </a:cubicBezTo>
                  <a:cubicBezTo>
                    <a:pt x="843507" y="1136053"/>
                    <a:pt x="859350" y="1139798"/>
                    <a:pt x="875097" y="1144022"/>
                  </a:cubicBezTo>
                  <a:cubicBezTo>
                    <a:pt x="881913" y="1145847"/>
                    <a:pt x="889115" y="1147959"/>
                    <a:pt x="894972" y="1151704"/>
                  </a:cubicBezTo>
                  <a:cubicBezTo>
                    <a:pt x="911390" y="1162073"/>
                    <a:pt x="928961" y="1169082"/>
                    <a:pt x="948260" y="1166298"/>
                  </a:cubicBezTo>
                  <a:cubicBezTo>
                    <a:pt x="963718" y="1164089"/>
                    <a:pt x="976680" y="1169754"/>
                    <a:pt x="986282" y="1178588"/>
                  </a:cubicBezTo>
                  <a:cubicBezTo>
                    <a:pt x="1003757" y="1194623"/>
                    <a:pt x="1022479" y="1190973"/>
                    <a:pt x="1041107" y="1185789"/>
                  </a:cubicBezTo>
                  <a:cubicBezTo>
                    <a:pt x="1050708" y="1183101"/>
                    <a:pt x="1058581" y="1183485"/>
                    <a:pt x="1067703" y="1186076"/>
                  </a:cubicBezTo>
                  <a:cubicBezTo>
                    <a:pt x="1088826" y="1192126"/>
                    <a:pt x="1102941" y="1208544"/>
                    <a:pt x="1116574" y="1222946"/>
                  </a:cubicBezTo>
                  <a:cubicBezTo>
                    <a:pt x="1128193" y="1235236"/>
                    <a:pt x="1141251" y="1242149"/>
                    <a:pt x="1155557" y="1247335"/>
                  </a:cubicBezTo>
                  <a:cubicBezTo>
                    <a:pt x="1173608" y="1253959"/>
                    <a:pt x="1187914" y="1251464"/>
                    <a:pt x="1196556" y="1235525"/>
                  </a:cubicBezTo>
                  <a:cubicBezTo>
                    <a:pt x="1198956" y="1231012"/>
                    <a:pt x="1203180" y="1225730"/>
                    <a:pt x="1207693" y="1224387"/>
                  </a:cubicBezTo>
                  <a:cubicBezTo>
                    <a:pt x="1229488" y="1217666"/>
                    <a:pt x="1251572" y="1207872"/>
                    <a:pt x="1274904" y="1213826"/>
                  </a:cubicBezTo>
                  <a:cubicBezTo>
                    <a:pt x="1307165" y="1221987"/>
                    <a:pt x="1338658" y="1221507"/>
                    <a:pt x="1370919" y="1213442"/>
                  </a:cubicBezTo>
                  <a:cubicBezTo>
                    <a:pt x="1423247" y="1200383"/>
                    <a:pt x="1475575" y="1186557"/>
                    <a:pt x="1530593" y="1189437"/>
                  </a:cubicBezTo>
                  <a:cubicBezTo>
                    <a:pt x="1539713" y="1189917"/>
                    <a:pt x="1550563" y="1184060"/>
                    <a:pt x="1558436" y="1178299"/>
                  </a:cubicBezTo>
                  <a:cubicBezTo>
                    <a:pt x="1573511" y="1167354"/>
                    <a:pt x="1572838" y="1166489"/>
                    <a:pt x="1589737" y="1175515"/>
                  </a:cubicBezTo>
                  <a:cubicBezTo>
                    <a:pt x="1593770" y="1177724"/>
                    <a:pt x="1598763" y="1179068"/>
                    <a:pt x="1601740" y="1182333"/>
                  </a:cubicBezTo>
                  <a:cubicBezTo>
                    <a:pt x="1616909" y="1198943"/>
                    <a:pt x="1635633" y="1194910"/>
                    <a:pt x="1654259" y="1192510"/>
                  </a:cubicBezTo>
                  <a:cubicBezTo>
                    <a:pt x="1657524" y="1192030"/>
                    <a:pt x="1661460" y="1191358"/>
                    <a:pt x="1664246" y="1192702"/>
                  </a:cubicBezTo>
                  <a:cubicBezTo>
                    <a:pt x="1676823" y="1198750"/>
                    <a:pt x="1687481" y="1196639"/>
                    <a:pt x="1698427" y="1188381"/>
                  </a:cubicBezTo>
                  <a:cubicBezTo>
                    <a:pt x="1707932" y="1181276"/>
                    <a:pt x="1718878" y="1177052"/>
                    <a:pt x="1730112" y="1185885"/>
                  </a:cubicBezTo>
                  <a:cubicBezTo>
                    <a:pt x="1755076" y="1205472"/>
                    <a:pt x="1781767" y="1206432"/>
                    <a:pt x="1809996" y="1194046"/>
                  </a:cubicBezTo>
                  <a:cubicBezTo>
                    <a:pt x="1830159" y="1185213"/>
                    <a:pt x="1850034" y="1183196"/>
                    <a:pt x="1871254" y="1192126"/>
                  </a:cubicBezTo>
                  <a:cubicBezTo>
                    <a:pt x="1879415" y="1195582"/>
                    <a:pt x="1889977" y="1193278"/>
                    <a:pt x="1899482" y="1194046"/>
                  </a:cubicBezTo>
                  <a:cubicBezTo>
                    <a:pt x="1904859" y="1194430"/>
                    <a:pt x="1910813" y="1194526"/>
                    <a:pt x="1915420" y="1196927"/>
                  </a:cubicBezTo>
                  <a:cubicBezTo>
                    <a:pt x="1927711" y="1203072"/>
                    <a:pt x="1939136" y="1210945"/>
                    <a:pt x="1951522" y="1216994"/>
                  </a:cubicBezTo>
                  <a:cubicBezTo>
                    <a:pt x="1957475" y="1219874"/>
                    <a:pt x="1964580" y="1221410"/>
                    <a:pt x="1971302" y="1221507"/>
                  </a:cubicBezTo>
                  <a:cubicBezTo>
                    <a:pt x="1991177" y="1221987"/>
                    <a:pt x="2011052" y="1221987"/>
                    <a:pt x="2030831" y="1221123"/>
                  </a:cubicBezTo>
                  <a:cubicBezTo>
                    <a:pt x="2063476" y="1219778"/>
                    <a:pt x="2096601" y="1219490"/>
                    <a:pt x="2120125" y="1190878"/>
                  </a:cubicBezTo>
                  <a:cubicBezTo>
                    <a:pt x="2122046" y="1188573"/>
                    <a:pt x="2126174" y="1187229"/>
                    <a:pt x="2129439" y="1186845"/>
                  </a:cubicBezTo>
                  <a:cubicBezTo>
                    <a:pt x="2144513" y="1185021"/>
                    <a:pt x="2159971" y="1184828"/>
                    <a:pt x="2174854" y="1181852"/>
                  </a:cubicBezTo>
                  <a:cubicBezTo>
                    <a:pt x="2186760" y="1179452"/>
                    <a:pt x="2196650" y="1180220"/>
                    <a:pt x="2205674" y="1188669"/>
                  </a:cubicBezTo>
                  <a:cubicBezTo>
                    <a:pt x="2217485" y="1199807"/>
                    <a:pt x="2231887" y="1206336"/>
                    <a:pt x="2247634" y="1202784"/>
                  </a:cubicBezTo>
                  <a:cubicBezTo>
                    <a:pt x="2263379" y="1199327"/>
                    <a:pt x="2273749" y="1206816"/>
                    <a:pt x="2285367" y="1214594"/>
                  </a:cubicBezTo>
                  <a:cubicBezTo>
                    <a:pt x="2293817" y="1220258"/>
                    <a:pt x="2303418" y="1227363"/>
                    <a:pt x="2312827" y="1227939"/>
                  </a:cubicBezTo>
                  <a:cubicBezTo>
                    <a:pt x="2334143" y="1229187"/>
                    <a:pt x="2352482" y="1248967"/>
                    <a:pt x="2375622" y="1237733"/>
                  </a:cubicBezTo>
                  <a:cubicBezTo>
                    <a:pt x="2377158" y="1236965"/>
                    <a:pt x="2379942" y="1238885"/>
                    <a:pt x="2382151" y="1239365"/>
                  </a:cubicBezTo>
                  <a:cubicBezTo>
                    <a:pt x="2399817" y="1243014"/>
                    <a:pt x="2416428" y="1239461"/>
                    <a:pt x="2429390" y="1227459"/>
                  </a:cubicBezTo>
                  <a:cubicBezTo>
                    <a:pt x="2446385" y="1211809"/>
                    <a:pt x="2465203" y="1210272"/>
                    <a:pt x="2486134" y="1215362"/>
                  </a:cubicBezTo>
                  <a:cubicBezTo>
                    <a:pt x="2492856" y="1216994"/>
                    <a:pt x="2499577" y="1218146"/>
                    <a:pt x="2506394" y="1219490"/>
                  </a:cubicBezTo>
                  <a:cubicBezTo>
                    <a:pt x="2515611" y="1221410"/>
                    <a:pt x="2524925" y="1223427"/>
                    <a:pt x="2534142" y="1225347"/>
                  </a:cubicBezTo>
                  <a:cubicBezTo>
                    <a:pt x="2543072" y="1227268"/>
                    <a:pt x="2552962" y="1230532"/>
                    <a:pt x="2559874" y="1222275"/>
                  </a:cubicBezTo>
                  <a:cubicBezTo>
                    <a:pt x="2565827" y="1215169"/>
                    <a:pt x="2570052" y="1215842"/>
                    <a:pt x="2575525" y="1221987"/>
                  </a:cubicBezTo>
                  <a:cubicBezTo>
                    <a:pt x="2594536" y="1243494"/>
                    <a:pt x="2617580" y="1256936"/>
                    <a:pt x="2646960" y="1257896"/>
                  </a:cubicBezTo>
                  <a:cubicBezTo>
                    <a:pt x="2653009" y="1258088"/>
                    <a:pt x="2659154" y="1259432"/>
                    <a:pt x="2665107" y="1260873"/>
                  </a:cubicBezTo>
                  <a:cubicBezTo>
                    <a:pt x="2668756" y="1261736"/>
                    <a:pt x="2673173" y="1262697"/>
                    <a:pt x="2675381" y="1265290"/>
                  </a:cubicBezTo>
                  <a:cubicBezTo>
                    <a:pt x="2692567" y="1285068"/>
                    <a:pt x="2713979" y="1298799"/>
                    <a:pt x="2737311" y="1309841"/>
                  </a:cubicBezTo>
                  <a:cubicBezTo>
                    <a:pt x="2745664" y="1313777"/>
                    <a:pt x="2754594" y="1317713"/>
                    <a:pt x="2763619" y="1318866"/>
                  </a:cubicBezTo>
                  <a:cubicBezTo>
                    <a:pt x="2773028" y="1320018"/>
                    <a:pt x="2782917" y="1318098"/>
                    <a:pt x="2792519" y="1317041"/>
                  </a:cubicBezTo>
                  <a:cubicBezTo>
                    <a:pt x="2798184" y="1316466"/>
                    <a:pt x="2804713" y="1316561"/>
                    <a:pt x="2809226" y="1313777"/>
                  </a:cubicBezTo>
                  <a:cubicBezTo>
                    <a:pt x="2823532" y="1305039"/>
                    <a:pt x="2837358" y="1295631"/>
                    <a:pt x="2850705" y="1285452"/>
                  </a:cubicBezTo>
                  <a:cubicBezTo>
                    <a:pt x="2862131" y="1276715"/>
                    <a:pt x="2864435" y="1275467"/>
                    <a:pt x="2874324" y="1286413"/>
                  </a:cubicBezTo>
                  <a:cubicBezTo>
                    <a:pt x="2884502" y="1297647"/>
                    <a:pt x="2897176" y="1303503"/>
                    <a:pt x="2911194" y="1305903"/>
                  </a:cubicBezTo>
                  <a:cubicBezTo>
                    <a:pt x="2933373" y="1309648"/>
                    <a:pt x="2955745" y="1312816"/>
                    <a:pt x="2978116" y="1314641"/>
                  </a:cubicBezTo>
                  <a:cubicBezTo>
                    <a:pt x="2998375" y="1316273"/>
                    <a:pt x="3008073" y="1307440"/>
                    <a:pt x="3012106" y="1287373"/>
                  </a:cubicBezTo>
                  <a:cubicBezTo>
                    <a:pt x="3014410" y="1276235"/>
                    <a:pt x="3017387" y="1264137"/>
                    <a:pt x="3029676" y="1261161"/>
                  </a:cubicBezTo>
                  <a:cubicBezTo>
                    <a:pt x="3049744" y="1256360"/>
                    <a:pt x="3070579" y="1254248"/>
                    <a:pt x="3080469" y="1230724"/>
                  </a:cubicBezTo>
                  <a:cubicBezTo>
                    <a:pt x="3085941" y="1235909"/>
                    <a:pt x="3089302" y="1238981"/>
                    <a:pt x="3092567" y="1242054"/>
                  </a:cubicBezTo>
                  <a:cubicBezTo>
                    <a:pt x="3101592" y="1250599"/>
                    <a:pt x="3120314" y="1254248"/>
                    <a:pt x="3129821" y="1246855"/>
                  </a:cubicBezTo>
                  <a:cubicBezTo>
                    <a:pt x="3143839" y="1236101"/>
                    <a:pt x="3156705" y="1238117"/>
                    <a:pt x="3170147" y="1246471"/>
                  </a:cubicBezTo>
                  <a:cubicBezTo>
                    <a:pt x="3192615" y="1260297"/>
                    <a:pt x="3217674" y="1257128"/>
                    <a:pt x="3240429" y="1251559"/>
                  </a:cubicBezTo>
                  <a:cubicBezTo>
                    <a:pt x="3257617" y="1247430"/>
                    <a:pt x="3275956" y="1239845"/>
                    <a:pt x="3287189" y="1222466"/>
                  </a:cubicBezTo>
                  <a:cubicBezTo>
                    <a:pt x="3290741" y="1216898"/>
                    <a:pt x="3298711" y="1214113"/>
                    <a:pt x="3305049" y="1210465"/>
                  </a:cubicBezTo>
                  <a:cubicBezTo>
                    <a:pt x="3310329" y="1207488"/>
                    <a:pt x="3315898" y="1204704"/>
                    <a:pt x="3321755" y="1202784"/>
                  </a:cubicBezTo>
                  <a:cubicBezTo>
                    <a:pt x="3327995" y="1200671"/>
                    <a:pt x="3334909" y="1197598"/>
                    <a:pt x="3341055" y="1198463"/>
                  </a:cubicBezTo>
                  <a:cubicBezTo>
                    <a:pt x="3359681" y="1200959"/>
                    <a:pt x="3374467" y="1196062"/>
                    <a:pt x="3387621" y="1182140"/>
                  </a:cubicBezTo>
                  <a:cubicBezTo>
                    <a:pt x="3394439" y="1174939"/>
                    <a:pt x="3404520" y="1166202"/>
                    <a:pt x="3413161" y="1166105"/>
                  </a:cubicBezTo>
                  <a:cubicBezTo>
                    <a:pt x="3434189" y="1165818"/>
                    <a:pt x="3451663" y="1158905"/>
                    <a:pt x="3470579" y="1150647"/>
                  </a:cubicBezTo>
                  <a:cubicBezTo>
                    <a:pt x="3482772" y="1145366"/>
                    <a:pt x="3496598" y="1141718"/>
                    <a:pt x="3509657" y="1136821"/>
                  </a:cubicBezTo>
                  <a:cubicBezTo>
                    <a:pt x="3524923" y="1131060"/>
                    <a:pt x="3541534" y="1128948"/>
                    <a:pt x="3550847" y="1113009"/>
                  </a:cubicBezTo>
                  <a:cubicBezTo>
                    <a:pt x="3551903" y="1111281"/>
                    <a:pt x="3555072" y="1110993"/>
                    <a:pt x="3556608" y="1109361"/>
                  </a:cubicBezTo>
                  <a:cubicBezTo>
                    <a:pt x="3561505" y="1104368"/>
                    <a:pt x="3567842" y="1099760"/>
                    <a:pt x="3570435" y="1093710"/>
                  </a:cubicBezTo>
                  <a:cubicBezTo>
                    <a:pt x="3577923" y="1076044"/>
                    <a:pt x="3583780" y="1057800"/>
                    <a:pt x="3590501" y="1039846"/>
                  </a:cubicBezTo>
                  <a:cubicBezTo>
                    <a:pt x="3591942" y="1036005"/>
                    <a:pt x="3593285" y="1031108"/>
                    <a:pt x="3596263" y="1028900"/>
                  </a:cubicBezTo>
                  <a:cubicBezTo>
                    <a:pt x="3613449" y="1016226"/>
                    <a:pt x="3630925" y="1004032"/>
                    <a:pt x="3648591" y="992030"/>
                  </a:cubicBezTo>
                  <a:cubicBezTo>
                    <a:pt x="3655696" y="987229"/>
                    <a:pt x="3661649" y="989918"/>
                    <a:pt x="3667986" y="995487"/>
                  </a:cubicBezTo>
                  <a:cubicBezTo>
                    <a:pt x="3674131" y="1000768"/>
                    <a:pt x="3681717" y="1006240"/>
                    <a:pt x="3689397" y="1007585"/>
                  </a:cubicBezTo>
                  <a:cubicBezTo>
                    <a:pt x="3704760" y="1010177"/>
                    <a:pt x="3720698" y="1010753"/>
                    <a:pt x="3736349" y="1010753"/>
                  </a:cubicBezTo>
                  <a:cubicBezTo>
                    <a:pt x="3742205" y="1010753"/>
                    <a:pt x="3748446" y="1007297"/>
                    <a:pt x="3753919" y="1004513"/>
                  </a:cubicBezTo>
                  <a:cubicBezTo>
                    <a:pt x="3764289" y="999231"/>
                    <a:pt x="3773890" y="992126"/>
                    <a:pt x="3784643" y="987710"/>
                  </a:cubicBezTo>
                  <a:cubicBezTo>
                    <a:pt x="3797126" y="982621"/>
                    <a:pt x="3804615" y="974459"/>
                    <a:pt x="3808359" y="961689"/>
                  </a:cubicBezTo>
                  <a:cubicBezTo>
                    <a:pt x="3813929" y="942679"/>
                    <a:pt x="3827179" y="929428"/>
                    <a:pt x="3842829" y="918674"/>
                  </a:cubicBezTo>
                  <a:cubicBezTo>
                    <a:pt x="3862705" y="904944"/>
                    <a:pt x="3886421" y="905616"/>
                    <a:pt x="3908983" y="902256"/>
                  </a:cubicBezTo>
                  <a:cubicBezTo>
                    <a:pt x="3917625" y="901008"/>
                    <a:pt x="3926555" y="899951"/>
                    <a:pt x="3934428" y="896783"/>
                  </a:cubicBezTo>
                  <a:cubicBezTo>
                    <a:pt x="3964288" y="884877"/>
                    <a:pt x="3994149" y="873548"/>
                    <a:pt x="4026987" y="873835"/>
                  </a:cubicBezTo>
                  <a:cubicBezTo>
                    <a:pt x="4029674" y="873835"/>
                    <a:pt x="4032363" y="873548"/>
                    <a:pt x="4035051" y="873067"/>
                  </a:cubicBezTo>
                  <a:cubicBezTo>
                    <a:pt x="4058383" y="869131"/>
                    <a:pt x="4082483" y="867594"/>
                    <a:pt x="4099189" y="846664"/>
                  </a:cubicBezTo>
                  <a:cubicBezTo>
                    <a:pt x="4102261" y="842823"/>
                    <a:pt x="4109271" y="841671"/>
                    <a:pt x="4114647" y="840134"/>
                  </a:cubicBezTo>
                  <a:cubicBezTo>
                    <a:pt x="4123961" y="837638"/>
                    <a:pt x="4130203" y="832549"/>
                    <a:pt x="4133563" y="823427"/>
                  </a:cubicBezTo>
                  <a:cubicBezTo>
                    <a:pt x="4139229" y="807681"/>
                    <a:pt x="4145949" y="792223"/>
                    <a:pt x="4151039" y="776284"/>
                  </a:cubicBezTo>
                  <a:cubicBezTo>
                    <a:pt x="4154591" y="765338"/>
                    <a:pt x="4161215" y="759289"/>
                    <a:pt x="4171489" y="754776"/>
                  </a:cubicBezTo>
                  <a:cubicBezTo>
                    <a:pt x="4177251" y="752280"/>
                    <a:pt x="4182243" y="746808"/>
                    <a:pt x="4186372" y="741718"/>
                  </a:cubicBezTo>
                  <a:cubicBezTo>
                    <a:pt x="4191365" y="735573"/>
                    <a:pt x="4193957" y="727412"/>
                    <a:pt x="4199429" y="721940"/>
                  </a:cubicBezTo>
                  <a:cubicBezTo>
                    <a:pt x="4212775" y="708305"/>
                    <a:pt x="4216905" y="693231"/>
                    <a:pt x="4212487" y="674604"/>
                  </a:cubicBezTo>
                  <a:cubicBezTo>
                    <a:pt x="4208551" y="658090"/>
                    <a:pt x="4218921" y="636006"/>
                    <a:pt x="4232555" y="632645"/>
                  </a:cubicBezTo>
                  <a:cubicBezTo>
                    <a:pt x="4247629" y="628900"/>
                    <a:pt x="4257999" y="619684"/>
                    <a:pt x="4268657" y="609410"/>
                  </a:cubicBezTo>
                  <a:cubicBezTo>
                    <a:pt x="4274609" y="603649"/>
                    <a:pt x="4282963" y="598656"/>
                    <a:pt x="4291028" y="597216"/>
                  </a:cubicBezTo>
                  <a:cubicBezTo>
                    <a:pt x="4321657" y="591647"/>
                    <a:pt x="4350557" y="598464"/>
                    <a:pt x="4379651" y="609506"/>
                  </a:cubicBezTo>
                  <a:cubicBezTo>
                    <a:pt x="4398661" y="616707"/>
                    <a:pt x="4419784" y="618627"/>
                    <a:pt x="4440139" y="621507"/>
                  </a:cubicBezTo>
                  <a:cubicBezTo>
                    <a:pt x="4446477" y="622371"/>
                    <a:pt x="4454542" y="620452"/>
                    <a:pt x="4460015" y="616899"/>
                  </a:cubicBezTo>
                  <a:cubicBezTo>
                    <a:pt x="4479218" y="604609"/>
                    <a:pt x="4498325" y="591935"/>
                    <a:pt x="4516183" y="577724"/>
                  </a:cubicBezTo>
                  <a:cubicBezTo>
                    <a:pt x="4532795" y="564379"/>
                    <a:pt x="4551517" y="558810"/>
                    <a:pt x="4571681" y="560250"/>
                  </a:cubicBezTo>
                  <a:cubicBezTo>
                    <a:pt x="4586371" y="561306"/>
                    <a:pt x="4599621" y="558905"/>
                    <a:pt x="4613447" y="555257"/>
                  </a:cubicBezTo>
                  <a:cubicBezTo>
                    <a:pt x="4624969" y="552185"/>
                    <a:pt x="4637643" y="550072"/>
                    <a:pt x="4649355" y="551417"/>
                  </a:cubicBezTo>
                  <a:cubicBezTo>
                    <a:pt x="4665775" y="553337"/>
                    <a:pt x="4679313" y="550553"/>
                    <a:pt x="4692467" y="540663"/>
                  </a:cubicBezTo>
                  <a:cubicBezTo>
                    <a:pt x="4699476" y="535382"/>
                    <a:pt x="4708502" y="532598"/>
                    <a:pt x="4716855" y="528949"/>
                  </a:cubicBezTo>
                  <a:cubicBezTo>
                    <a:pt x="4729721" y="523284"/>
                    <a:pt x="4743067" y="518483"/>
                    <a:pt x="4755645" y="512147"/>
                  </a:cubicBezTo>
                  <a:cubicBezTo>
                    <a:pt x="4769183" y="505425"/>
                    <a:pt x="4781569" y="496112"/>
                    <a:pt x="4795395" y="490351"/>
                  </a:cubicBezTo>
                  <a:cubicBezTo>
                    <a:pt x="4810278" y="484110"/>
                    <a:pt x="4819879" y="474605"/>
                    <a:pt x="4825928" y="459818"/>
                  </a:cubicBezTo>
                  <a:cubicBezTo>
                    <a:pt x="4829769" y="450504"/>
                    <a:pt x="4835049" y="440615"/>
                    <a:pt x="4842347" y="434086"/>
                  </a:cubicBezTo>
                  <a:cubicBezTo>
                    <a:pt x="4857422" y="420740"/>
                    <a:pt x="4875087" y="410370"/>
                    <a:pt x="4890451" y="397216"/>
                  </a:cubicBezTo>
                  <a:cubicBezTo>
                    <a:pt x="4912054" y="378781"/>
                    <a:pt x="4932025" y="359194"/>
                    <a:pt x="4933945" y="327701"/>
                  </a:cubicBezTo>
                  <a:cubicBezTo>
                    <a:pt x="4935001" y="310322"/>
                    <a:pt x="4944219" y="302929"/>
                    <a:pt x="4961214" y="298801"/>
                  </a:cubicBezTo>
                  <a:cubicBezTo>
                    <a:pt x="4966878" y="297457"/>
                    <a:pt x="4974945" y="294864"/>
                    <a:pt x="4976672" y="290639"/>
                  </a:cubicBezTo>
                  <a:cubicBezTo>
                    <a:pt x="4981857" y="278061"/>
                    <a:pt x="4992610" y="275565"/>
                    <a:pt x="5002979" y="270573"/>
                  </a:cubicBezTo>
                  <a:cubicBezTo>
                    <a:pt x="5009221" y="267596"/>
                    <a:pt x="5016903" y="261739"/>
                    <a:pt x="5018535" y="255690"/>
                  </a:cubicBezTo>
                  <a:cubicBezTo>
                    <a:pt x="5025255" y="231206"/>
                    <a:pt x="5043690" y="216804"/>
                    <a:pt x="5061069" y="200961"/>
                  </a:cubicBezTo>
                  <a:cubicBezTo>
                    <a:pt x="5066158" y="196256"/>
                    <a:pt x="5071631" y="190879"/>
                    <a:pt x="5074127" y="184735"/>
                  </a:cubicBezTo>
                  <a:cubicBezTo>
                    <a:pt x="5079409" y="171484"/>
                    <a:pt x="5087281" y="161882"/>
                    <a:pt x="5101108" y="156891"/>
                  </a:cubicBezTo>
                  <a:cubicBezTo>
                    <a:pt x="5105524" y="155354"/>
                    <a:pt x="5109557" y="151801"/>
                    <a:pt x="5112918" y="148441"/>
                  </a:cubicBezTo>
                  <a:cubicBezTo>
                    <a:pt x="5120119" y="141144"/>
                    <a:pt x="5126167" y="132598"/>
                    <a:pt x="5133753" y="125782"/>
                  </a:cubicBezTo>
                  <a:cubicBezTo>
                    <a:pt x="5153051" y="108211"/>
                    <a:pt x="5172159" y="90928"/>
                    <a:pt x="5183393" y="66348"/>
                  </a:cubicBezTo>
                  <a:cubicBezTo>
                    <a:pt x="5188865" y="54346"/>
                    <a:pt x="5195107" y="41288"/>
                    <a:pt x="5204709" y="33030"/>
                  </a:cubicBezTo>
                  <a:cubicBezTo>
                    <a:pt x="5216903" y="22565"/>
                    <a:pt x="5232937" y="16612"/>
                    <a:pt x="5247243" y="8451"/>
                  </a:cubicBezTo>
                  <a:close/>
                </a:path>
              </a:pathLst>
            </a:cu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14" name="Freeform: Shape 13">
              <a:extLst>
                <a:ext uri="{FF2B5EF4-FFF2-40B4-BE49-F238E27FC236}">
                  <a16:creationId xmlns:a16="http://schemas.microsoft.com/office/drawing/2014/main" id="{E4D1EC16-E672-4366-A091-73675BE54859}"/>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6096000" y="4138312"/>
              <a:ext cx="5260975" cy="1410656"/>
            </a:xfrm>
            <a:custGeom>
              <a:avLst/>
              <a:gdLst>
                <a:gd name="connsiteX0" fmla="*/ 5260975 w 5260975"/>
                <a:gd name="connsiteY0" fmla="*/ 0 h 1410656"/>
                <a:gd name="connsiteX1" fmla="*/ 5260975 w 5260975"/>
                <a:gd name="connsiteY1" fmla="*/ 221634 h 1410656"/>
                <a:gd name="connsiteX2" fmla="*/ 5226503 w 5260975"/>
                <a:gd name="connsiteY2" fmla="*/ 237063 h 1410656"/>
                <a:gd name="connsiteX3" fmla="*/ 5206341 w 5260975"/>
                <a:gd name="connsiteY3" fmla="*/ 245128 h 1410656"/>
                <a:gd name="connsiteX4" fmla="*/ 5123287 w 5260975"/>
                <a:gd name="connsiteY4" fmla="*/ 297073 h 1410656"/>
                <a:gd name="connsiteX5" fmla="*/ 5048107 w 5260975"/>
                <a:gd name="connsiteY5" fmla="*/ 361307 h 1410656"/>
                <a:gd name="connsiteX6" fmla="*/ 4992899 w 5260975"/>
                <a:gd name="connsiteY6" fmla="*/ 437542 h 1410656"/>
                <a:gd name="connsiteX7" fmla="*/ 4977440 w 5260975"/>
                <a:gd name="connsiteY7" fmla="*/ 455690 h 1410656"/>
                <a:gd name="connsiteX8" fmla="*/ 4935193 w 5260975"/>
                <a:gd name="connsiteY8" fmla="*/ 478445 h 1410656"/>
                <a:gd name="connsiteX9" fmla="*/ 4897844 w 5260975"/>
                <a:gd name="connsiteY9" fmla="*/ 495535 h 1410656"/>
                <a:gd name="connsiteX10" fmla="*/ 4870767 w 5260975"/>
                <a:gd name="connsiteY10" fmla="*/ 514451 h 1410656"/>
                <a:gd name="connsiteX11" fmla="*/ 4847916 w 5260975"/>
                <a:gd name="connsiteY11" fmla="*/ 531830 h 1410656"/>
                <a:gd name="connsiteX12" fmla="*/ 4796163 w 5260975"/>
                <a:gd name="connsiteY12" fmla="*/ 576765 h 1410656"/>
                <a:gd name="connsiteX13" fmla="*/ 4738843 w 5260975"/>
                <a:gd name="connsiteY13" fmla="*/ 614691 h 1410656"/>
                <a:gd name="connsiteX14" fmla="*/ 4692755 w 5260975"/>
                <a:gd name="connsiteY14" fmla="*/ 661162 h 1410656"/>
                <a:gd name="connsiteX15" fmla="*/ 4673744 w 5260975"/>
                <a:gd name="connsiteY15" fmla="*/ 686318 h 1410656"/>
                <a:gd name="connsiteX16" fmla="*/ 4633801 w 5260975"/>
                <a:gd name="connsiteY16" fmla="*/ 703505 h 1410656"/>
                <a:gd name="connsiteX17" fmla="*/ 4590499 w 5260975"/>
                <a:gd name="connsiteY17" fmla="*/ 730389 h 1410656"/>
                <a:gd name="connsiteX18" fmla="*/ 4559773 w 5260975"/>
                <a:gd name="connsiteY18" fmla="*/ 757081 h 1410656"/>
                <a:gd name="connsiteX19" fmla="*/ 4536059 w 5260975"/>
                <a:gd name="connsiteY19" fmla="*/ 774940 h 1410656"/>
                <a:gd name="connsiteX20" fmla="*/ 4502549 w 5260975"/>
                <a:gd name="connsiteY20" fmla="*/ 792895 h 1410656"/>
                <a:gd name="connsiteX21" fmla="*/ 4468944 w 5260975"/>
                <a:gd name="connsiteY21" fmla="*/ 816419 h 1410656"/>
                <a:gd name="connsiteX22" fmla="*/ 4452622 w 5260975"/>
                <a:gd name="connsiteY22" fmla="*/ 830917 h 1410656"/>
                <a:gd name="connsiteX23" fmla="*/ 4421032 w 5260975"/>
                <a:gd name="connsiteY23" fmla="*/ 855016 h 1410656"/>
                <a:gd name="connsiteX24" fmla="*/ 4388483 w 5260975"/>
                <a:gd name="connsiteY24" fmla="*/ 877484 h 1410656"/>
                <a:gd name="connsiteX25" fmla="*/ 4327321 w 5260975"/>
                <a:gd name="connsiteY25" fmla="*/ 903216 h 1410656"/>
                <a:gd name="connsiteX26" fmla="*/ 4271633 w 5260975"/>
                <a:gd name="connsiteY26" fmla="*/ 941046 h 1410656"/>
                <a:gd name="connsiteX27" fmla="*/ 4227465 w 5260975"/>
                <a:gd name="connsiteY27" fmla="*/ 968698 h 1410656"/>
                <a:gd name="connsiteX28" fmla="*/ 4201733 w 5260975"/>
                <a:gd name="connsiteY28" fmla="*/ 986846 h 1410656"/>
                <a:gd name="connsiteX29" fmla="*/ 4154494 w 5260975"/>
                <a:gd name="connsiteY29" fmla="*/ 1027364 h 1410656"/>
                <a:gd name="connsiteX30" fmla="*/ 4081234 w 5260975"/>
                <a:gd name="connsiteY30" fmla="*/ 1069994 h 1410656"/>
                <a:gd name="connsiteX31" fmla="*/ 4036971 w 5260975"/>
                <a:gd name="connsiteY31" fmla="*/ 1093038 h 1410656"/>
                <a:gd name="connsiteX32" fmla="*/ 3941725 w 5260975"/>
                <a:gd name="connsiteY32" fmla="*/ 1127796 h 1410656"/>
                <a:gd name="connsiteX33" fmla="*/ 3910999 w 5260975"/>
                <a:gd name="connsiteY33" fmla="*/ 1140182 h 1410656"/>
                <a:gd name="connsiteX34" fmla="*/ 3875859 w 5260975"/>
                <a:gd name="connsiteY34" fmla="*/ 1148343 h 1410656"/>
                <a:gd name="connsiteX35" fmla="*/ 3819401 w 5260975"/>
                <a:gd name="connsiteY35" fmla="*/ 1167642 h 1410656"/>
                <a:gd name="connsiteX36" fmla="*/ 3709176 w 5260975"/>
                <a:gd name="connsiteY36" fmla="*/ 1200863 h 1410656"/>
                <a:gd name="connsiteX37" fmla="*/ 3684981 w 5260975"/>
                <a:gd name="connsiteY37" fmla="*/ 1205952 h 1410656"/>
                <a:gd name="connsiteX38" fmla="*/ 3623338 w 5260975"/>
                <a:gd name="connsiteY38" fmla="*/ 1227363 h 1410656"/>
                <a:gd name="connsiteX39" fmla="*/ 3586373 w 5260975"/>
                <a:gd name="connsiteY39" fmla="*/ 1241765 h 1410656"/>
                <a:gd name="connsiteX40" fmla="*/ 3555743 w 5260975"/>
                <a:gd name="connsiteY40" fmla="*/ 1250023 h 1410656"/>
                <a:gd name="connsiteX41" fmla="*/ 3528667 w 5260975"/>
                <a:gd name="connsiteY41" fmla="*/ 1253864 h 1410656"/>
                <a:gd name="connsiteX42" fmla="*/ 3457424 w 5260975"/>
                <a:gd name="connsiteY42" fmla="*/ 1272874 h 1410656"/>
                <a:gd name="connsiteX43" fmla="*/ 3429003 w 5260975"/>
                <a:gd name="connsiteY43" fmla="*/ 1280364 h 1410656"/>
                <a:gd name="connsiteX44" fmla="*/ 3355264 w 5260975"/>
                <a:gd name="connsiteY44" fmla="*/ 1306096 h 1410656"/>
                <a:gd name="connsiteX45" fmla="*/ 3292757 w 5260975"/>
                <a:gd name="connsiteY45" fmla="*/ 1323090 h 1410656"/>
                <a:gd name="connsiteX46" fmla="*/ 3266643 w 5260975"/>
                <a:gd name="connsiteY46" fmla="*/ 1331251 h 1410656"/>
                <a:gd name="connsiteX47" fmla="*/ 3206921 w 5260975"/>
                <a:gd name="connsiteY47" fmla="*/ 1344886 h 1410656"/>
                <a:gd name="connsiteX48" fmla="*/ 3173123 w 5260975"/>
                <a:gd name="connsiteY48" fmla="*/ 1354488 h 1410656"/>
                <a:gd name="connsiteX49" fmla="*/ 3090646 w 5260975"/>
                <a:gd name="connsiteY49" fmla="*/ 1365337 h 1410656"/>
                <a:gd name="connsiteX50" fmla="*/ 3005480 w 5260975"/>
                <a:gd name="connsiteY50" fmla="*/ 1375802 h 1410656"/>
                <a:gd name="connsiteX51" fmla="*/ 2958721 w 5260975"/>
                <a:gd name="connsiteY51" fmla="*/ 1379259 h 1410656"/>
                <a:gd name="connsiteX52" fmla="*/ 2917915 w 5260975"/>
                <a:gd name="connsiteY52" fmla="*/ 1384733 h 1410656"/>
                <a:gd name="connsiteX53" fmla="*/ 2882389 w 5260975"/>
                <a:gd name="connsiteY53" fmla="*/ 1388189 h 1410656"/>
                <a:gd name="connsiteX54" fmla="*/ 2825837 w 5260975"/>
                <a:gd name="connsiteY54" fmla="*/ 1395198 h 1410656"/>
                <a:gd name="connsiteX55" fmla="*/ 2802313 w 5260975"/>
                <a:gd name="connsiteY55" fmla="*/ 1397023 h 1410656"/>
                <a:gd name="connsiteX56" fmla="*/ 2746816 w 5260975"/>
                <a:gd name="connsiteY56" fmla="*/ 1396926 h 1410656"/>
                <a:gd name="connsiteX57" fmla="*/ 2727517 w 5260975"/>
                <a:gd name="connsiteY57" fmla="*/ 1395966 h 1410656"/>
                <a:gd name="connsiteX58" fmla="*/ 2690359 w 5260975"/>
                <a:gd name="connsiteY58" fmla="*/ 1384060 h 1410656"/>
                <a:gd name="connsiteX59" fmla="*/ 2685943 w 5260975"/>
                <a:gd name="connsiteY59" fmla="*/ 1383196 h 1410656"/>
                <a:gd name="connsiteX60" fmla="*/ 2661554 w 5260975"/>
                <a:gd name="connsiteY60" fmla="*/ 1378491 h 1410656"/>
                <a:gd name="connsiteX61" fmla="*/ 2648208 w 5260975"/>
                <a:gd name="connsiteY61" fmla="*/ 1376955 h 1410656"/>
                <a:gd name="connsiteX62" fmla="*/ 2597512 w 5260975"/>
                <a:gd name="connsiteY62" fmla="*/ 1367162 h 1410656"/>
                <a:gd name="connsiteX63" fmla="*/ 2568324 w 5260975"/>
                <a:gd name="connsiteY63" fmla="*/ 1362553 h 1410656"/>
                <a:gd name="connsiteX64" fmla="*/ 2544704 w 5260975"/>
                <a:gd name="connsiteY64" fmla="*/ 1363225 h 1410656"/>
                <a:gd name="connsiteX65" fmla="*/ 2503225 w 5260975"/>
                <a:gd name="connsiteY65" fmla="*/ 1364089 h 1410656"/>
                <a:gd name="connsiteX66" fmla="*/ 2489975 w 5260975"/>
                <a:gd name="connsiteY66" fmla="*/ 1366298 h 1410656"/>
                <a:gd name="connsiteX67" fmla="*/ 2430061 w 5260975"/>
                <a:gd name="connsiteY67" fmla="*/ 1359960 h 1410656"/>
                <a:gd name="connsiteX68" fmla="*/ 2395880 w 5260975"/>
                <a:gd name="connsiteY68" fmla="*/ 1359480 h 1410656"/>
                <a:gd name="connsiteX69" fmla="*/ 2357378 w 5260975"/>
                <a:gd name="connsiteY69" fmla="*/ 1351607 h 1410656"/>
                <a:gd name="connsiteX70" fmla="*/ 2346145 w 5260975"/>
                <a:gd name="connsiteY70" fmla="*/ 1351991 h 1410656"/>
                <a:gd name="connsiteX71" fmla="*/ 2333567 w 5260975"/>
                <a:gd name="connsiteY71" fmla="*/ 1352663 h 1410656"/>
                <a:gd name="connsiteX72" fmla="*/ 2294968 w 5260975"/>
                <a:gd name="connsiteY72" fmla="*/ 1353240 h 1410656"/>
                <a:gd name="connsiteX73" fmla="*/ 2271540 w 5260975"/>
                <a:gd name="connsiteY73" fmla="*/ 1356120 h 1410656"/>
                <a:gd name="connsiteX74" fmla="*/ 2226895 w 5260975"/>
                <a:gd name="connsiteY74" fmla="*/ 1354392 h 1410656"/>
                <a:gd name="connsiteX75" fmla="*/ 2210379 w 5260975"/>
                <a:gd name="connsiteY75" fmla="*/ 1356888 h 1410656"/>
                <a:gd name="connsiteX76" fmla="*/ 2168613 w 5260975"/>
                <a:gd name="connsiteY76" fmla="*/ 1357176 h 1410656"/>
                <a:gd name="connsiteX77" fmla="*/ 2131167 w 5260975"/>
                <a:gd name="connsiteY77" fmla="*/ 1355736 h 1410656"/>
                <a:gd name="connsiteX78" fmla="*/ 2095065 w 5260975"/>
                <a:gd name="connsiteY78" fmla="*/ 1356504 h 1410656"/>
                <a:gd name="connsiteX79" fmla="*/ 2069237 w 5260975"/>
                <a:gd name="connsiteY79" fmla="*/ 1359672 h 1410656"/>
                <a:gd name="connsiteX80" fmla="*/ 2041201 w 5260975"/>
                <a:gd name="connsiteY80" fmla="*/ 1361592 h 1410656"/>
                <a:gd name="connsiteX81" fmla="*/ 1963909 w 5260975"/>
                <a:gd name="connsiteY81" fmla="*/ 1373018 h 1410656"/>
                <a:gd name="connsiteX82" fmla="*/ 1949603 w 5260975"/>
                <a:gd name="connsiteY82" fmla="*/ 1370234 h 1410656"/>
                <a:gd name="connsiteX83" fmla="*/ 1868373 w 5260975"/>
                <a:gd name="connsiteY83" fmla="*/ 1367641 h 1410656"/>
                <a:gd name="connsiteX84" fmla="*/ 1850707 w 5260975"/>
                <a:gd name="connsiteY84" fmla="*/ 1367834 h 1410656"/>
                <a:gd name="connsiteX85" fmla="*/ 1803275 w 5260975"/>
                <a:gd name="connsiteY85" fmla="*/ 1356504 h 1410656"/>
                <a:gd name="connsiteX86" fmla="*/ 1730112 w 5260975"/>
                <a:gd name="connsiteY86" fmla="*/ 1374459 h 1410656"/>
                <a:gd name="connsiteX87" fmla="*/ 1661652 w 5260975"/>
                <a:gd name="connsiteY87" fmla="*/ 1396926 h 1410656"/>
                <a:gd name="connsiteX88" fmla="*/ 1653011 w 5260975"/>
                <a:gd name="connsiteY88" fmla="*/ 1399807 h 1410656"/>
                <a:gd name="connsiteX89" fmla="*/ 1628431 w 5260975"/>
                <a:gd name="connsiteY89" fmla="*/ 1404704 h 1410656"/>
                <a:gd name="connsiteX90" fmla="*/ 1597995 w 5260975"/>
                <a:gd name="connsiteY90" fmla="*/ 1406432 h 1410656"/>
                <a:gd name="connsiteX91" fmla="*/ 1559396 w 5260975"/>
                <a:gd name="connsiteY91" fmla="*/ 1410656 h 1410656"/>
                <a:gd name="connsiteX92" fmla="*/ 1528480 w 5260975"/>
                <a:gd name="connsiteY92" fmla="*/ 1405375 h 1410656"/>
                <a:gd name="connsiteX93" fmla="*/ 1485272 w 5260975"/>
                <a:gd name="connsiteY93" fmla="*/ 1397502 h 1410656"/>
                <a:gd name="connsiteX94" fmla="*/ 1444562 w 5260975"/>
                <a:gd name="connsiteY94" fmla="*/ 1390013 h 1410656"/>
                <a:gd name="connsiteX95" fmla="*/ 1431696 w 5260975"/>
                <a:gd name="connsiteY95" fmla="*/ 1398846 h 1410656"/>
                <a:gd name="connsiteX96" fmla="*/ 1411821 w 5260975"/>
                <a:gd name="connsiteY96" fmla="*/ 1406527 h 1410656"/>
                <a:gd name="connsiteX97" fmla="*/ 1389738 w 5260975"/>
                <a:gd name="connsiteY97" fmla="*/ 1397310 h 1410656"/>
                <a:gd name="connsiteX98" fmla="*/ 1338081 w 5260975"/>
                <a:gd name="connsiteY98" fmla="*/ 1378204 h 1410656"/>
                <a:gd name="connsiteX99" fmla="*/ 1305436 w 5260975"/>
                <a:gd name="connsiteY99" fmla="*/ 1377339 h 1410656"/>
                <a:gd name="connsiteX100" fmla="*/ 1234481 w 5260975"/>
                <a:gd name="connsiteY100" fmla="*/ 1369178 h 1410656"/>
                <a:gd name="connsiteX101" fmla="*/ 1188106 w 5260975"/>
                <a:gd name="connsiteY101" fmla="*/ 1357560 h 1410656"/>
                <a:gd name="connsiteX102" fmla="*/ 1154790 w 5260975"/>
                <a:gd name="connsiteY102" fmla="*/ 1344406 h 1410656"/>
                <a:gd name="connsiteX103" fmla="*/ 1107069 w 5260975"/>
                <a:gd name="connsiteY103" fmla="*/ 1327219 h 1410656"/>
                <a:gd name="connsiteX104" fmla="*/ 1059158 w 5260975"/>
                <a:gd name="connsiteY104" fmla="*/ 1318290 h 1410656"/>
                <a:gd name="connsiteX105" fmla="*/ 1024496 w 5260975"/>
                <a:gd name="connsiteY105" fmla="*/ 1307056 h 1410656"/>
                <a:gd name="connsiteX106" fmla="*/ 982153 w 5260975"/>
                <a:gd name="connsiteY106" fmla="*/ 1299374 h 1410656"/>
                <a:gd name="connsiteX107" fmla="*/ 946628 w 5260975"/>
                <a:gd name="connsiteY107" fmla="*/ 1299087 h 1410656"/>
                <a:gd name="connsiteX108" fmla="*/ 890939 w 5260975"/>
                <a:gd name="connsiteY108" fmla="*/ 1300431 h 1410656"/>
                <a:gd name="connsiteX109" fmla="*/ 822769 w 5260975"/>
                <a:gd name="connsiteY109" fmla="*/ 1277196 h 1410656"/>
                <a:gd name="connsiteX110" fmla="*/ 795212 w 5260975"/>
                <a:gd name="connsiteY110" fmla="*/ 1272010 h 1410656"/>
                <a:gd name="connsiteX111" fmla="*/ 769288 w 5260975"/>
                <a:gd name="connsiteY111" fmla="*/ 1269610 h 1410656"/>
                <a:gd name="connsiteX112" fmla="*/ 714271 w 5260975"/>
                <a:gd name="connsiteY112" fmla="*/ 1254152 h 1410656"/>
                <a:gd name="connsiteX113" fmla="*/ 691900 w 5260975"/>
                <a:gd name="connsiteY113" fmla="*/ 1249062 h 1410656"/>
                <a:gd name="connsiteX114" fmla="*/ 660598 w 5260975"/>
                <a:gd name="connsiteY114" fmla="*/ 1249159 h 1410656"/>
                <a:gd name="connsiteX115" fmla="*/ 603662 w 5260975"/>
                <a:gd name="connsiteY115" fmla="*/ 1242054 h 1410656"/>
                <a:gd name="connsiteX116" fmla="*/ 546821 w 5260975"/>
                <a:gd name="connsiteY116" fmla="*/ 1221314 h 1410656"/>
                <a:gd name="connsiteX117" fmla="*/ 522721 w 5260975"/>
                <a:gd name="connsiteY117" fmla="*/ 1223330 h 1410656"/>
                <a:gd name="connsiteX118" fmla="*/ 514080 w 5260975"/>
                <a:gd name="connsiteY118" fmla="*/ 1222851 h 1410656"/>
                <a:gd name="connsiteX119" fmla="*/ 436404 w 5260975"/>
                <a:gd name="connsiteY119" fmla="*/ 1211424 h 1410656"/>
                <a:gd name="connsiteX120" fmla="*/ 428626 w 5260975"/>
                <a:gd name="connsiteY120" fmla="*/ 1210177 h 1410656"/>
                <a:gd name="connsiteX121" fmla="*/ 392141 w 5260975"/>
                <a:gd name="connsiteY121" fmla="*/ 1199999 h 1410656"/>
                <a:gd name="connsiteX122" fmla="*/ 300157 w 5260975"/>
                <a:gd name="connsiteY122" fmla="*/ 1193662 h 1410656"/>
                <a:gd name="connsiteX123" fmla="*/ 294493 w 5260975"/>
                <a:gd name="connsiteY123" fmla="*/ 1192894 h 1410656"/>
                <a:gd name="connsiteX124" fmla="*/ 263671 w 5260975"/>
                <a:gd name="connsiteY124" fmla="*/ 1197982 h 1410656"/>
                <a:gd name="connsiteX125" fmla="*/ 248406 w 5260975"/>
                <a:gd name="connsiteY125" fmla="*/ 1205184 h 1410656"/>
                <a:gd name="connsiteX126" fmla="*/ 224594 w 5260975"/>
                <a:gd name="connsiteY126" fmla="*/ 1212673 h 1410656"/>
                <a:gd name="connsiteX127" fmla="*/ 200398 w 5260975"/>
                <a:gd name="connsiteY127" fmla="*/ 1215458 h 1410656"/>
                <a:gd name="connsiteX128" fmla="*/ 159783 w 5260975"/>
                <a:gd name="connsiteY128" fmla="*/ 1204127 h 1410656"/>
                <a:gd name="connsiteX129" fmla="*/ 144997 w 5260975"/>
                <a:gd name="connsiteY129" fmla="*/ 1202975 h 1410656"/>
                <a:gd name="connsiteX130" fmla="*/ 112064 w 5260975"/>
                <a:gd name="connsiteY130" fmla="*/ 1197503 h 1410656"/>
                <a:gd name="connsiteX131" fmla="*/ 83259 w 5260975"/>
                <a:gd name="connsiteY131" fmla="*/ 1197887 h 1410656"/>
                <a:gd name="connsiteX132" fmla="*/ 60120 w 5260975"/>
                <a:gd name="connsiteY132" fmla="*/ 1206624 h 1410656"/>
                <a:gd name="connsiteX133" fmla="*/ 26514 w 5260975"/>
                <a:gd name="connsiteY133" fmla="*/ 1208352 h 1410656"/>
                <a:gd name="connsiteX134" fmla="*/ 4814 w 5260975"/>
                <a:gd name="connsiteY134" fmla="*/ 1202015 h 1410656"/>
                <a:gd name="connsiteX135" fmla="*/ 398 w 5260975"/>
                <a:gd name="connsiteY135" fmla="*/ 1201152 h 1410656"/>
                <a:gd name="connsiteX136" fmla="*/ 0 w 5260975"/>
                <a:gd name="connsiteY136" fmla="*/ 1201150 h 1410656"/>
                <a:gd name="connsiteX137" fmla="*/ 0 w 5260975"/>
                <a:gd name="connsiteY137" fmla="*/ 1004512 h 1410656"/>
                <a:gd name="connsiteX138" fmla="*/ 30355 w 5260975"/>
                <a:gd name="connsiteY138" fmla="*/ 1002784 h 1410656"/>
                <a:gd name="connsiteX139" fmla="*/ 52151 w 5260975"/>
                <a:gd name="connsiteY139" fmla="*/ 997695 h 1410656"/>
                <a:gd name="connsiteX140" fmla="*/ 64248 w 5260975"/>
                <a:gd name="connsiteY140" fmla="*/ 994430 h 1410656"/>
                <a:gd name="connsiteX141" fmla="*/ 126370 w 5260975"/>
                <a:gd name="connsiteY141" fmla="*/ 985405 h 1410656"/>
                <a:gd name="connsiteX142" fmla="*/ 154022 w 5260975"/>
                <a:gd name="connsiteY142" fmla="*/ 975708 h 1410656"/>
                <a:gd name="connsiteX143" fmla="*/ 161512 w 5260975"/>
                <a:gd name="connsiteY143" fmla="*/ 974268 h 1410656"/>
                <a:gd name="connsiteX144" fmla="*/ 202510 w 5260975"/>
                <a:gd name="connsiteY144" fmla="*/ 978300 h 1410656"/>
                <a:gd name="connsiteX145" fmla="*/ 233235 w 5260975"/>
                <a:gd name="connsiteY145" fmla="*/ 993950 h 1410656"/>
                <a:gd name="connsiteX146" fmla="*/ 239188 w 5260975"/>
                <a:gd name="connsiteY146" fmla="*/ 999231 h 1410656"/>
                <a:gd name="connsiteX147" fmla="*/ 324834 w 5260975"/>
                <a:gd name="connsiteY147" fmla="*/ 997407 h 1410656"/>
                <a:gd name="connsiteX148" fmla="*/ 337987 w 5260975"/>
                <a:gd name="connsiteY148" fmla="*/ 995198 h 1410656"/>
                <a:gd name="connsiteX149" fmla="*/ 401550 w 5260975"/>
                <a:gd name="connsiteY149" fmla="*/ 1004416 h 1410656"/>
                <a:gd name="connsiteX150" fmla="*/ 420081 w 5260975"/>
                <a:gd name="connsiteY150" fmla="*/ 1006240 h 1410656"/>
                <a:gd name="connsiteX151" fmla="*/ 486523 w 5260975"/>
                <a:gd name="connsiteY151" fmla="*/ 1014498 h 1410656"/>
                <a:gd name="connsiteX152" fmla="*/ 495932 w 5260975"/>
                <a:gd name="connsiteY152" fmla="*/ 1006817 h 1410656"/>
                <a:gd name="connsiteX153" fmla="*/ 523009 w 5260975"/>
                <a:gd name="connsiteY153" fmla="*/ 987517 h 1410656"/>
                <a:gd name="connsiteX154" fmla="*/ 576393 w 5260975"/>
                <a:gd name="connsiteY154" fmla="*/ 970427 h 1410656"/>
                <a:gd name="connsiteX155" fmla="*/ 590892 w 5260975"/>
                <a:gd name="connsiteY155" fmla="*/ 971387 h 1410656"/>
                <a:gd name="connsiteX156" fmla="*/ 627569 w 5260975"/>
                <a:gd name="connsiteY156" fmla="*/ 999904 h 1410656"/>
                <a:gd name="connsiteX157" fmla="*/ 645429 w 5260975"/>
                <a:gd name="connsiteY157" fmla="*/ 1011329 h 1410656"/>
                <a:gd name="connsiteX158" fmla="*/ 696125 w 5260975"/>
                <a:gd name="connsiteY158" fmla="*/ 1032356 h 1410656"/>
                <a:gd name="connsiteX159" fmla="*/ 700349 w 5260975"/>
                <a:gd name="connsiteY159" fmla="*/ 1036197 h 1410656"/>
                <a:gd name="connsiteX160" fmla="*/ 737795 w 5260975"/>
                <a:gd name="connsiteY160" fmla="*/ 1081804 h 1410656"/>
                <a:gd name="connsiteX161" fmla="*/ 746244 w 5260975"/>
                <a:gd name="connsiteY161" fmla="*/ 1089581 h 1410656"/>
                <a:gd name="connsiteX162" fmla="*/ 756422 w 5260975"/>
                <a:gd name="connsiteY162" fmla="*/ 1101680 h 1410656"/>
                <a:gd name="connsiteX163" fmla="*/ 788202 w 5260975"/>
                <a:gd name="connsiteY163" fmla="*/ 1125108 h 1410656"/>
                <a:gd name="connsiteX164" fmla="*/ 827569 w 5260975"/>
                <a:gd name="connsiteY164" fmla="*/ 1132596 h 1410656"/>
                <a:gd name="connsiteX165" fmla="*/ 875097 w 5260975"/>
                <a:gd name="connsiteY165" fmla="*/ 1144022 h 1410656"/>
                <a:gd name="connsiteX166" fmla="*/ 894972 w 5260975"/>
                <a:gd name="connsiteY166" fmla="*/ 1151704 h 1410656"/>
                <a:gd name="connsiteX167" fmla="*/ 948260 w 5260975"/>
                <a:gd name="connsiteY167" fmla="*/ 1166298 h 1410656"/>
                <a:gd name="connsiteX168" fmla="*/ 986282 w 5260975"/>
                <a:gd name="connsiteY168" fmla="*/ 1178588 h 1410656"/>
                <a:gd name="connsiteX169" fmla="*/ 1041107 w 5260975"/>
                <a:gd name="connsiteY169" fmla="*/ 1185789 h 1410656"/>
                <a:gd name="connsiteX170" fmla="*/ 1067703 w 5260975"/>
                <a:gd name="connsiteY170" fmla="*/ 1186076 h 1410656"/>
                <a:gd name="connsiteX171" fmla="*/ 1116574 w 5260975"/>
                <a:gd name="connsiteY171" fmla="*/ 1222946 h 1410656"/>
                <a:gd name="connsiteX172" fmla="*/ 1155557 w 5260975"/>
                <a:gd name="connsiteY172" fmla="*/ 1247335 h 1410656"/>
                <a:gd name="connsiteX173" fmla="*/ 1196556 w 5260975"/>
                <a:gd name="connsiteY173" fmla="*/ 1235525 h 1410656"/>
                <a:gd name="connsiteX174" fmla="*/ 1207693 w 5260975"/>
                <a:gd name="connsiteY174" fmla="*/ 1224387 h 1410656"/>
                <a:gd name="connsiteX175" fmla="*/ 1274904 w 5260975"/>
                <a:gd name="connsiteY175" fmla="*/ 1213826 h 1410656"/>
                <a:gd name="connsiteX176" fmla="*/ 1370919 w 5260975"/>
                <a:gd name="connsiteY176" fmla="*/ 1213442 h 1410656"/>
                <a:gd name="connsiteX177" fmla="*/ 1530593 w 5260975"/>
                <a:gd name="connsiteY177" fmla="*/ 1189437 h 1410656"/>
                <a:gd name="connsiteX178" fmla="*/ 1558436 w 5260975"/>
                <a:gd name="connsiteY178" fmla="*/ 1178299 h 1410656"/>
                <a:gd name="connsiteX179" fmla="*/ 1589737 w 5260975"/>
                <a:gd name="connsiteY179" fmla="*/ 1175515 h 1410656"/>
                <a:gd name="connsiteX180" fmla="*/ 1601740 w 5260975"/>
                <a:gd name="connsiteY180" fmla="*/ 1182333 h 1410656"/>
                <a:gd name="connsiteX181" fmla="*/ 1654259 w 5260975"/>
                <a:gd name="connsiteY181" fmla="*/ 1192510 h 1410656"/>
                <a:gd name="connsiteX182" fmla="*/ 1664246 w 5260975"/>
                <a:gd name="connsiteY182" fmla="*/ 1192702 h 1410656"/>
                <a:gd name="connsiteX183" fmla="*/ 1698427 w 5260975"/>
                <a:gd name="connsiteY183" fmla="*/ 1188381 h 1410656"/>
                <a:gd name="connsiteX184" fmla="*/ 1730112 w 5260975"/>
                <a:gd name="connsiteY184" fmla="*/ 1185885 h 1410656"/>
                <a:gd name="connsiteX185" fmla="*/ 1809996 w 5260975"/>
                <a:gd name="connsiteY185" fmla="*/ 1194046 h 1410656"/>
                <a:gd name="connsiteX186" fmla="*/ 1871254 w 5260975"/>
                <a:gd name="connsiteY186" fmla="*/ 1192126 h 1410656"/>
                <a:gd name="connsiteX187" fmla="*/ 1899482 w 5260975"/>
                <a:gd name="connsiteY187" fmla="*/ 1194046 h 1410656"/>
                <a:gd name="connsiteX188" fmla="*/ 1915420 w 5260975"/>
                <a:gd name="connsiteY188" fmla="*/ 1196927 h 1410656"/>
                <a:gd name="connsiteX189" fmla="*/ 1951522 w 5260975"/>
                <a:gd name="connsiteY189" fmla="*/ 1216994 h 1410656"/>
                <a:gd name="connsiteX190" fmla="*/ 1971302 w 5260975"/>
                <a:gd name="connsiteY190" fmla="*/ 1221507 h 1410656"/>
                <a:gd name="connsiteX191" fmla="*/ 2030831 w 5260975"/>
                <a:gd name="connsiteY191" fmla="*/ 1221123 h 1410656"/>
                <a:gd name="connsiteX192" fmla="*/ 2120125 w 5260975"/>
                <a:gd name="connsiteY192" fmla="*/ 1190878 h 1410656"/>
                <a:gd name="connsiteX193" fmla="*/ 2129439 w 5260975"/>
                <a:gd name="connsiteY193" fmla="*/ 1186845 h 1410656"/>
                <a:gd name="connsiteX194" fmla="*/ 2174854 w 5260975"/>
                <a:gd name="connsiteY194" fmla="*/ 1181852 h 1410656"/>
                <a:gd name="connsiteX195" fmla="*/ 2205674 w 5260975"/>
                <a:gd name="connsiteY195" fmla="*/ 1188669 h 1410656"/>
                <a:gd name="connsiteX196" fmla="*/ 2247634 w 5260975"/>
                <a:gd name="connsiteY196" fmla="*/ 1202784 h 1410656"/>
                <a:gd name="connsiteX197" fmla="*/ 2285367 w 5260975"/>
                <a:gd name="connsiteY197" fmla="*/ 1214594 h 1410656"/>
                <a:gd name="connsiteX198" fmla="*/ 2312827 w 5260975"/>
                <a:gd name="connsiteY198" fmla="*/ 1227939 h 1410656"/>
                <a:gd name="connsiteX199" fmla="*/ 2375622 w 5260975"/>
                <a:gd name="connsiteY199" fmla="*/ 1237733 h 1410656"/>
                <a:gd name="connsiteX200" fmla="*/ 2382151 w 5260975"/>
                <a:gd name="connsiteY200" fmla="*/ 1239365 h 1410656"/>
                <a:gd name="connsiteX201" fmla="*/ 2429390 w 5260975"/>
                <a:gd name="connsiteY201" fmla="*/ 1227459 h 1410656"/>
                <a:gd name="connsiteX202" fmla="*/ 2486134 w 5260975"/>
                <a:gd name="connsiteY202" fmla="*/ 1215362 h 1410656"/>
                <a:gd name="connsiteX203" fmla="*/ 2506394 w 5260975"/>
                <a:gd name="connsiteY203" fmla="*/ 1219490 h 1410656"/>
                <a:gd name="connsiteX204" fmla="*/ 2534142 w 5260975"/>
                <a:gd name="connsiteY204" fmla="*/ 1225347 h 1410656"/>
                <a:gd name="connsiteX205" fmla="*/ 2559874 w 5260975"/>
                <a:gd name="connsiteY205" fmla="*/ 1222275 h 1410656"/>
                <a:gd name="connsiteX206" fmla="*/ 2575525 w 5260975"/>
                <a:gd name="connsiteY206" fmla="*/ 1221987 h 1410656"/>
                <a:gd name="connsiteX207" fmla="*/ 2646960 w 5260975"/>
                <a:gd name="connsiteY207" fmla="*/ 1257896 h 1410656"/>
                <a:gd name="connsiteX208" fmla="*/ 2665107 w 5260975"/>
                <a:gd name="connsiteY208" fmla="*/ 1260873 h 1410656"/>
                <a:gd name="connsiteX209" fmla="*/ 2675381 w 5260975"/>
                <a:gd name="connsiteY209" fmla="*/ 1265290 h 1410656"/>
                <a:gd name="connsiteX210" fmla="*/ 2737311 w 5260975"/>
                <a:gd name="connsiteY210" fmla="*/ 1309841 h 1410656"/>
                <a:gd name="connsiteX211" fmla="*/ 2763619 w 5260975"/>
                <a:gd name="connsiteY211" fmla="*/ 1318866 h 1410656"/>
                <a:gd name="connsiteX212" fmla="*/ 2792519 w 5260975"/>
                <a:gd name="connsiteY212" fmla="*/ 1317041 h 1410656"/>
                <a:gd name="connsiteX213" fmla="*/ 2809226 w 5260975"/>
                <a:gd name="connsiteY213" fmla="*/ 1313777 h 1410656"/>
                <a:gd name="connsiteX214" fmla="*/ 2850705 w 5260975"/>
                <a:gd name="connsiteY214" fmla="*/ 1285452 h 1410656"/>
                <a:gd name="connsiteX215" fmla="*/ 2874324 w 5260975"/>
                <a:gd name="connsiteY215" fmla="*/ 1286413 h 1410656"/>
                <a:gd name="connsiteX216" fmla="*/ 2911194 w 5260975"/>
                <a:gd name="connsiteY216" fmla="*/ 1305903 h 1410656"/>
                <a:gd name="connsiteX217" fmla="*/ 2978116 w 5260975"/>
                <a:gd name="connsiteY217" fmla="*/ 1314641 h 1410656"/>
                <a:gd name="connsiteX218" fmla="*/ 3012106 w 5260975"/>
                <a:gd name="connsiteY218" fmla="*/ 1287373 h 1410656"/>
                <a:gd name="connsiteX219" fmla="*/ 3029676 w 5260975"/>
                <a:gd name="connsiteY219" fmla="*/ 1261161 h 1410656"/>
                <a:gd name="connsiteX220" fmla="*/ 3080469 w 5260975"/>
                <a:gd name="connsiteY220" fmla="*/ 1230724 h 1410656"/>
                <a:gd name="connsiteX221" fmla="*/ 3092567 w 5260975"/>
                <a:gd name="connsiteY221" fmla="*/ 1242054 h 1410656"/>
                <a:gd name="connsiteX222" fmla="*/ 3129821 w 5260975"/>
                <a:gd name="connsiteY222" fmla="*/ 1246855 h 1410656"/>
                <a:gd name="connsiteX223" fmla="*/ 3170147 w 5260975"/>
                <a:gd name="connsiteY223" fmla="*/ 1246471 h 1410656"/>
                <a:gd name="connsiteX224" fmla="*/ 3240429 w 5260975"/>
                <a:gd name="connsiteY224" fmla="*/ 1251559 h 1410656"/>
                <a:gd name="connsiteX225" fmla="*/ 3287189 w 5260975"/>
                <a:gd name="connsiteY225" fmla="*/ 1222466 h 1410656"/>
                <a:gd name="connsiteX226" fmla="*/ 3305049 w 5260975"/>
                <a:gd name="connsiteY226" fmla="*/ 1210465 h 1410656"/>
                <a:gd name="connsiteX227" fmla="*/ 3321755 w 5260975"/>
                <a:gd name="connsiteY227" fmla="*/ 1202784 h 1410656"/>
                <a:gd name="connsiteX228" fmla="*/ 3341055 w 5260975"/>
                <a:gd name="connsiteY228" fmla="*/ 1198463 h 1410656"/>
                <a:gd name="connsiteX229" fmla="*/ 3387621 w 5260975"/>
                <a:gd name="connsiteY229" fmla="*/ 1182140 h 1410656"/>
                <a:gd name="connsiteX230" fmla="*/ 3413161 w 5260975"/>
                <a:gd name="connsiteY230" fmla="*/ 1166105 h 1410656"/>
                <a:gd name="connsiteX231" fmla="*/ 3470579 w 5260975"/>
                <a:gd name="connsiteY231" fmla="*/ 1150647 h 1410656"/>
                <a:gd name="connsiteX232" fmla="*/ 3509657 w 5260975"/>
                <a:gd name="connsiteY232" fmla="*/ 1136821 h 1410656"/>
                <a:gd name="connsiteX233" fmla="*/ 3550847 w 5260975"/>
                <a:gd name="connsiteY233" fmla="*/ 1113009 h 1410656"/>
                <a:gd name="connsiteX234" fmla="*/ 3556608 w 5260975"/>
                <a:gd name="connsiteY234" fmla="*/ 1109361 h 1410656"/>
                <a:gd name="connsiteX235" fmla="*/ 3570435 w 5260975"/>
                <a:gd name="connsiteY235" fmla="*/ 1093710 h 1410656"/>
                <a:gd name="connsiteX236" fmla="*/ 3590501 w 5260975"/>
                <a:gd name="connsiteY236" fmla="*/ 1039846 h 1410656"/>
                <a:gd name="connsiteX237" fmla="*/ 3596263 w 5260975"/>
                <a:gd name="connsiteY237" fmla="*/ 1028900 h 1410656"/>
                <a:gd name="connsiteX238" fmla="*/ 3648591 w 5260975"/>
                <a:gd name="connsiteY238" fmla="*/ 992030 h 1410656"/>
                <a:gd name="connsiteX239" fmla="*/ 3667986 w 5260975"/>
                <a:gd name="connsiteY239" fmla="*/ 995487 h 1410656"/>
                <a:gd name="connsiteX240" fmla="*/ 3689397 w 5260975"/>
                <a:gd name="connsiteY240" fmla="*/ 1007585 h 1410656"/>
                <a:gd name="connsiteX241" fmla="*/ 3736349 w 5260975"/>
                <a:gd name="connsiteY241" fmla="*/ 1010753 h 1410656"/>
                <a:gd name="connsiteX242" fmla="*/ 3753919 w 5260975"/>
                <a:gd name="connsiteY242" fmla="*/ 1004513 h 1410656"/>
                <a:gd name="connsiteX243" fmla="*/ 3784643 w 5260975"/>
                <a:gd name="connsiteY243" fmla="*/ 987710 h 1410656"/>
                <a:gd name="connsiteX244" fmla="*/ 3808359 w 5260975"/>
                <a:gd name="connsiteY244" fmla="*/ 961689 h 1410656"/>
                <a:gd name="connsiteX245" fmla="*/ 3842829 w 5260975"/>
                <a:gd name="connsiteY245" fmla="*/ 918674 h 1410656"/>
                <a:gd name="connsiteX246" fmla="*/ 3908983 w 5260975"/>
                <a:gd name="connsiteY246" fmla="*/ 902256 h 1410656"/>
                <a:gd name="connsiteX247" fmla="*/ 3934428 w 5260975"/>
                <a:gd name="connsiteY247" fmla="*/ 896783 h 1410656"/>
                <a:gd name="connsiteX248" fmla="*/ 4026987 w 5260975"/>
                <a:gd name="connsiteY248" fmla="*/ 873835 h 1410656"/>
                <a:gd name="connsiteX249" fmla="*/ 4035051 w 5260975"/>
                <a:gd name="connsiteY249" fmla="*/ 873067 h 1410656"/>
                <a:gd name="connsiteX250" fmla="*/ 4099189 w 5260975"/>
                <a:gd name="connsiteY250" fmla="*/ 846664 h 1410656"/>
                <a:gd name="connsiteX251" fmla="*/ 4114647 w 5260975"/>
                <a:gd name="connsiteY251" fmla="*/ 840134 h 1410656"/>
                <a:gd name="connsiteX252" fmla="*/ 4133563 w 5260975"/>
                <a:gd name="connsiteY252" fmla="*/ 823427 h 1410656"/>
                <a:gd name="connsiteX253" fmla="*/ 4151039 w 5260975"/>
                <a:gd name="connsiteY253" fmla="*/ 776284 h 1410656"/>
                <a:gd name="connsiteX254" fmla="*/ 4171489 w 5260975"/>
                <a:gd name="connsiteY254" fmla="*/ 754776 h 1410656"/>
                <a:gd name="connsiteX255" fmla="*/ 4186372 w 5260975"/>
                <a:gd name="connsiteY255" fmla="*/ 741718 h 1410656"/>
                <a:gd name="connsiteX256" fmla="*/ 4199429 w 5260975"/>
                <a:gd name="connsiteY256" fmla="*/ 721940 h 1410656"/>
                <a:gd name="connsiteX257" fmla="*/ 4212487 w 5260975"/>
                <a:gd name="connsiteY257" fmla="*/ 674604 h 1410656"/>
                <a:gd name="connsiteX258" fmla="*/ 4232555 w 5260975"/>
                <a:gd name="connsiteY258" fmla="*/ 632645 h 1410656"/>
                <a:gd name="connsiteX259" fmla="*/ 4268657 w 5260975"/>
                <a:gd name="connsiteY259" fmla="*/ 609410 h 1410656"/>
                <a:gd name="connsiteX260" fmla="*/ 4291028 w 5260975"/>
                <a:gd name="connsiteY260" fmla="*/ 597216 h 1410656"/>
                <a:gd name="connsiteX261" fmla="*/ 4379651 w 5260975"/>
                <a:gd name="connsiteY261" fmla="*/ 609506 h 1410656"/>
                <a:gd name="connsiteX262" fmla="*/ 4440139 w 5260975"/>
                <a:gd name="connsiteY262" fmla="*/ 621507 h 1410656"/>
                <a:gd name="connsiteX263" fmla="*/ 4460015 w 5260975"/>
                <a:gd name="connsiteY263" fmla="*/ 616899 h 1410656"/>
                <a:gd name="connsiteX264" fmla="*/ 4516183 w 5260975"/>
                <a:gd name="connsiteY264" fmla="*/ 577724 h 1410656"/>
                <a:gd name="connsiteX265" fmla="*/ 4571681 w 5260975"/>
                <a:gd name="connsiteY265" fmla="*/ 560250 h 1410656"/>
                <a:gd name="connsiteX266" fmla="*/ 4613447 w 5260975"/>
                <a:gd name="connsiteY266" fmla="*/ 555257 h 1410656"/>
                <a:gd name="connsiteX267" fmla="*/ 4649355 w 5260975"/>
                <a:gd name="connsiteY267" fmla="*/ 551417 h 1410656"/>
                <a:gd name="connsiteX268" fmla="*/ 4692467 w 5260975"/>
                <a:gd name="connsiteY268" fmla="*/ 540663 h 1410656"/>
                <a:gd name="connsiteX269" fmla="*/ 4716855 w 5260975"/>
                <a:gd name="connsiteY269" fmla="*/ 528949 h 1410656"/>
                <a:gd name="connsiteX270" fmla="*/ 4755645 w 5260975"/>
                <a:gd name="connsiteY270" fmla="*/ 512147 h 1410656"/>
                <a:gd name="connsiteX271" fmla="*/ 4795395 w 5260975"/>
                <a:gd name="connsiteY271" fmla="*/ 490351 h 1410656"/>
                <a:gd name="connsiteX272" fmla="*/ 4825928 w 5260975"/>
                <a:gd name="connsiteY272" fmla="*/ 459818 h 1410656"/>
                <a:gd name="connsiteX273" fmla="*/ 4842347 w 5260975"/>
                <a:gd name="connsiteY273" fmla="*/ 434086 h 1410656"/>
                <a:gd name="connsiteX274" fmla="*/ 4890451 w 5260975"/>
                <a:gd name="connsiteY274" fmla="*/ 397216 h 1410656"/>
                <a:gd name="connsiteX275" fmla="*/ 4933945 w 5260975"/>
                <a:gd name="connsiteY275" fmla="*/ 327701 h 1410656"/>
                <a:gd name="connsiteX276" fmla="*/ 4961214 w 5260975"/>
                <a:gd name="connsiteY276" fmla="*/ 298801 h 1410656"/>
                <a:gd name="connsiteX277" fmla="*/ 4976672 w 5260975"/>
                <a:gd name="connsiteY277" fmla="*/ 290639 h 1410656"/>
                <a:gd name="connsiteX278" fmla="*/ 5002979 w 5260975"/>
                <a:gd name="connsiteY278" fmla="*/ 270573 h 1410656"/>
                <a:gd name="connsiteX279" fmla="*/ 5018535 w 5260975"/>
                <a:gd name="connsiteY279" fmla="*/ 255690 h 1410656"/>
                <a:gd name="connsiteX280" fmla="*/ 5061069 w 5260975"/>
                <a:gd name="connsiteY280" fmla="*/ 200961 h 1410656"/>
                <a:gd name="connsiteX281" fmla="*/ 5074127 w 5260975"/>
                <a:gd name="connsiteY281" fmla="*/ 184735 h 1410656"/>
                <a:gd name="connsiteX282" fmla="*/ 5101108 w 5260975"/>
                <a:gd name="connsiteY282" fmla="*/ 156891 h 1410656"/>
                <a:gd name="connsiteX283" fmla="*/ 5112918 w 5260975"/>
                <a:gd name="connsiteY283" fmla="*/ 148441 h 1410656"/>
                <a:gd name="connsiteX284" fmla="*/ 5133753 w 5260975"/>
                <a:gd name="connsiteY284" fmla="*/ 125782 h 1410656"/>
                <a:gd name="connsiteX285" fmla="*/ 5183393 w 5260975"/>
                <a:gd name="connsiteY285" fmla="*/ 66348 h 1410656"/>
                <a:gd name="connsiteX286" fmla="*/ 5204709 w 5260975"/>
                <a:gd name="connsiteY286" fmla="*/ 33030 h 1410656"/>
                <a:gd name="connsiteX287" fmla="*/ 5247243 w 5260975"/>
                <a:gd name="connsiteY287" fmla="*/ 8451 h 14106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Lst>
              <a:rect l="l" t="t" r="r" b="b"/>
              <a:pathLst>
                <a:path w="5260975" h="1410656">
                  <a:moveTo>
                    <a:pt x="5260975" y="0"/>
                  </a:moveTo>
                  <a:lnTo>
                    <a:pt x="5260975" y="221634"/>
                  </a:lnTo>
                  <a:lnTo>
                    <a:pt x="5226503" y="237063"/>
                  </a:lnTo>
                  <a:cubicBezTo>
                    <a:pt x="5219783" y="239848"/>
                    <a:pt x="5212389" y="241384"/>
                    <a:pt x="5206341" y="245128"/>
                  </a:cubicBezTo>
                  <a:cubicBezTo>
                    <a:pt x="5178495" y="262219"/>
                    <a:pt x="5151515" y="280654"/>
                    <a:pt x="5123287" y="297073"/>
                  </a:cubicBezTo>
                  <a:cubicBezTo>
                    <a:pt x="5094195" y="314067"/>
                    <a:pt x="5068175" y="334134"/>
                    <a:pt x="5048107" y="361307"/>
                  </a:cubicBezTo>
                  <a:cubicBezTo>
                    <a:pt x="5029480" y="386559"/>
                    <a:pt x="5011429" y="412194"/>
                    <a:pt x="4992899" y="437542"/>
                  </a:cubicBezTo>
                  <a:cubicBezTo>
                    <a:pt x="4988194" y="443975"/>
                    <a:pt x="4983873" y="451561"/>
                    <a:pt x="4977440" y="455690"/>
                  </a:cubicBezTo>
                  <a:cubicBezTo>
                    <a:pt x="4964094" y="464331"/>
                    <a:pt x="4949499" y="471340"/>
                    <a:pt x="4935193" y="478445"/>
                  </a:cubicBezTo>
                  <a:cubicBezTo>
                    <a:pt x="4922903" y="484494"/>
                    <a:pt x="4909845" y="489006"/>
                    <a:pt x="4897844" y="495535"/>
                  </a:cubicBezTo>
                  <a:cubicBezTo>
                    <a:pt x="4888243" y="500721"/>
                    <a:pt x="4879697" y="507922"/>
                    <a:pt x="4870767" y="514451"/>
                  </a:cubicBezTo>
                  <a:cubicBezTo>
                    <a:pt x="4862990" y="520115"/>
                    <a:pt x="4854445" y="525012"/>
                    <a:pt x="4847916" y="531830"/>
                  </a:cubicBezTo>
                  <a:cubicBezTo>
                    <a:pt x="4831977" y="548344"/>
                    <a:pt x="4815942" y="564571"/>
                    <a:pt x="4796163" y="576765"/>
                  </a:cubicBezTo>
                  <a:cubicBezTo>
                    <a:pt x="4776672" y="588862"/>
                    <a:pt x="4758237" y="602401"/>
                    <a:pt x="4738843" y="614691"/>
                  </a:cubicBezTo>
                  <a:cubicBezTo>
                    <a:pt x="4719831" y="626693"/>
                    <a:pt x="4702645" y="639846"/>
                    <a:pt x="4692755" y="661162"/>
                  </a:cubicBezTo>
                  <a:cubicBezTo>
                    <a:pt x="4688339" y="670571"/>
                    <a:pt x="4682097" y="680845"/>
                    <a:pt x="4673744" y="686318"/>
                  </a:cubicBezTo>
                  <a:cubicBezTo>
                    <a:pt x="4661838" y="694095"/>
                    <a:pt x="4646764" y="696880"/>
                    <a:pt x="4633801" y="703505"/>
                  </a:cubicBezTo>
                  <a:cubicBezTo>
                    <a:pt x="4618535" y="711282"/>
                    <a:pt x="4600869" y="718003"/>
                    <a:pt x="4590499" y="730389"/>
                  </a:cubicBezTo>
                  <a:cubicBezTo>
                    <a:pt x="4581281" y="741431"/>
                    <a:pt x="4571968" y="750072"/>
                    <a:pt x="4559773" y="757081"/>
                  </a:cubicBezTo>
                  <a:cubicBezTo>
                    <a:pt x="4551229" y="761978"/>
                    <a:pt x="4544892" y="770907"/>
                    <a:pt x="4536059" y="774940"/>
                  </a:cubicBezTo>
                  <a:cubicBezTo>
                    <a:pt x="4524441" y="780317"/>
                    <a:pt x="4512727" y="784542"/>
                    <a:pt x="4502549" y="792895"/>
                  </a:cubicBezTo>
                  <a:cubicBezTo>
                    <a:pt x="4491987" y="801536"/>
                    <a:pt x="4479986" y="808353"/>
                    <a:pt x="4468944" y="816419"/>
                  </a:cubicBezTo>
                  <a:cubicBezTo>
                    <a:pt x="4463087" y="820739"/>
                    <a:pt x="4458286" y="826404"/>
                    <a:pt x="4452622" y="830917"/>
                  </a:cubicBezTo>
                  <a:cubicBezTo>
                    <a:pt x="4442252" y="839174"/>
                    <a:pt x="4431690" y="847239"/>
                    <a:pt x="4421032" y="855016"/>
                  </a:cubicBezTo>
                  <a:cubicBezTo>
                    <a:pt x="4410375" y="862794"/>
                    <a:pt x="4400197" y="871819"/>
                    <a:pt x="4388483" y="877484"/>
                  </a:cubicBezTo>
                  <a:cubicBezTo>
                    <a:pt x="4368513" y="887086"/>
                    <a:pt x="4346717" y="892847"/>
                    <a:pt x="4327321" y="903216"/>
                  </a:cubicBezTo>
                  <a:cubicBezTo>
                    <a:pt x="4307639" y="913777"/>
                    <a:pt x="4289107" y="927028"/>
                    <a:pt x="4271633" y="941046"/>
                  </a:cubicBezTo>
                  <a:cubicBezTo>
                    <a:pt x="4257807" y="952088"/>
                    <a:pt x="4244845" y="963034"/>
                    <a:pt x="4227465" y="968698"/>
                  </a:cubicBezTo>
                  <a:cubicBezTo>
                    <a:pt x="4217768" y="971867"/>
                    <a:pt x="4207591" y="978780"/>
                    <a:pt x="4201733" y="986846"/>
                  </a:cubicBezTo>
                  <a:cubicBezTo>
                    <a:pt x="4189059" y="1004416"/>
                    <a:pt x="4172833" y="1016802"/>
                    <a:pt x="4154494" y="1027364"/>
                  </a:cubicBezTo>
                  <a:cubicBezTo>
                    <a:pt x="4130010" y="1041574"/>
                    <a:pt x="4105814" y="1056072"/>
                    <a:pt x="4081234" y="1069994"/>
                  </a:cubicBezTo>
                  <a:cubicBezTo>
                    <a:pt x="4066737" y="1078252"/>
                    <a:pt x="4052335" y="1086989"/>
                    <a:pt x="4036971" y="1093038"/>
                  </a:cubicBezTo>
                  <a:cubicBezTo>
                    <a:pt x="4005575" y="1105520"/>
                    <a:pt x="3973410" y="1116177"/>
                    <a:pt x="3941725" y="1127796"/>
                  </a:cubicBezTo>
                  <a:cubicBezTo>
                    <a:pt x="3931355" y="1131540"/>
                    <a:pt x="3921561" y="1136917"/>
                    <a:pt x="3910999" y="1140182"/>
                  </a:cubicBezTo>
                  <a:cubicBezTo>
                    <a:pt x="3899573" y="1143734"/>
                    <a:pt x="3887285" y="1144790"/>
                    <a:pt x="3875859" y="1148343"/>
                  </a:cubicBezTo>
                  <a:cubicBezTo>
                    <a:pt x="3856847" y="1154199"/>
                    <a:pt x="3838412" y="1161689"/>
                    <a:pt x="3819401" y="1167642"/>
                  </a:cubicBezTo>
                  <a:cubicBezTo>
                    <a:pt x="3782723" y="1179068"/>
                    <a:pt x="3745949" y="1190014"/>
                    <a:pt x="3709176" y="1200863"/>
                  </a:cubicBezTo>
                  <a:cubicBezTo>
                    <a:pt x="3701303" y="1203168"/>
                    <a:pt x="3692757" y="1203456"/>
                    <a:pt x="3684981" y="1205952"/>
                  </a:cubicBezTo>
                  <a:cubicBezTo>
                    <a:pt x="3664337" y="1212673"/>
                    <a:pt x="3643789" y="1219970"/>
                    <a:pt x="3623338" y="1227363"/>
                  </a:cubicBezTo>
                  <a:cubicBezTo>
                    <a:pt x="3610953" y="1231876"/>
                    <a:pt x="3598854" y="1237445"/>
                    <a:pt x="3586373" y="1241765"/>
                  </a:cubicBezTo>
                  <a:cubicBezTo>
                    <a:pt x="3576387" y="1245222"/>
                    <a:pt x="3566113" y="1247910"/>
                    <a:pt x="3555743" y="1250023"/>
                  </a:cubicBezTo>
                  <a:cubicBezTo>
                    <a:pt x="3546814" y="1251848"/>
                    <a:pt x="3537501" y="1251655"/>
                    <a:pt x="3528667" y="1253864"/>
                  </a:cubicBezTo>
                  <a:cubicBezTo>
                    <a:pt x="3504759" y="1259816"/>
                    <a:pt x="3481140" y="1266538"/>
                    <a:pt x="3457424" y="1272874"/>
                  </a:cubicBezTo>
                  <a:cubicBezTo>
                    <a:pt x="3447919" y="1275371"/>
                    <a:pt x="3438221" y="1277196"/>
                    <a:pt x="3429003" y="1280364"/>
                  </a:cubicBezTo>
                  <a:cubicBezTo>
                    <a:pt x="3404327" y="1288717"/>
                    <a:pt x="3380036" y="1298222"/>
                    <a:pt x="3355264" y="1306096"/>
                  </a:cubicBezTo>
                  <a:cubicBezTo>
                    <a:pt x="3334717" y="1312625"/>
                    <a:pt x="3313593" y="1317329"/>
                    <a:pt x="3292757" y="1323090"/>
                  </a:cubicBezTo>
                  <a:cubicBezTo>
                    <a:pt x="3283924" y="1325587"/>
                    <a:pt x="3275475" y="1329140"/>
                    <a:pt x="3266643" y="1331251"/>
                  </a:cubicBezTo>
                  <a:cubicBezTo>
                    <a:pt x="3246863" y="1336053"/>
                    <a:pt x="3226796" y="1340085"/>
                    <a:pt x="3206921" y="1344886"/>
                  </a:cubicBezTo>
                  <a:cubicBezTo>
                    <a:pt x="3195590" y="1347670"/>
                    <a:pt x="3184645" y="1352663"/>
                    <a:pt x="3173123" y="1354488"/>
                  </a:cubicBezTo>
                  <a:cubicBezTo>
                    <a:pt x="3145759" y="1358808"/>
                    <a:pt x="3118203" y="1361880"/>
                    <a:pt x="3090646" y="1365337"/>
                  </a:cubicBezTo>
                  <a:cubicBezTo>
                    <a:pt x="3062227" y="1368889"/>
                    <a:pt x="3033902" y="1372634"/>
                    <a:pt x="3005480" y="1375802"/>
                  </a:cubicBezTo>
                  <a:cubicBezTo>
                    <a:pt x="2989926" y="1377435"/>
                    <a:pt x="2974275" y="1377723"/>
                    <a:pt x="2958721" y="1379259"/>
                  </a:cubicBezTo>
                  <a:cubicBezTo>
                    <a:pt x="2945087" y="1380604"/>
                    <a:pt x="2931549" y="1383100"/>
                    <a:pt x="2917915" y="1384733"/>
                  </a:cubicBezTo>
                  <a:cubicBezTo>
                    <a:pt x="2906105" y="1386076"/>
                    <a:pt x="2894199" y="1386844"/>
                    <a:pt x="2882389" y="1388189"/>
                  </a:cubicBezTo>
                  <a:cubicBezTo>
                    <a:pt x="2863475" y="1390397"/>
                    <a:pt x="2844655" y="1392894"/>
                    <a:pt x="2825837" y="1395198"/>
                  </a:cubicBezTo>
                  <a:cubicBezTo>
                    <a:pt x="2817964" y="1396062"/>
                    <a:pt x="2809706" y="1398462"/>
                    <a:pt x="2802313" y="1397023"/>
                  </a:cubicBezTo>
                  <a:cubicBezTo>
                    <a:pt x="2783686" y="1393373"/>
                    <a:pt x="2765347" y="1394430"/>
                    <a:pt x="2746816" y="1396926"/>
                  </a:cubicBezTo>
                  <a:cubicBezTo>
                    <a:pt x="2740479" y="1397791"/>
                    <a:pt x="2733662" y="1397598"/>
                    <a:pt x="2727517" y="1395966"/>
                  </a:cubicBezTo>
                  <a:cubicBezTo>
                    <a:pt x="2714939" y="1392701"/>
                    <a:pt x="2702745" y="1388092"/>
                    <a:pt x="2690359" y="1384060"/>
                  </a:cubicBezTo>
                  <a:cubicBezTo>
                    <a:pt x="2689014" y="1383580"/>
                    <a:pt x="2687382" y="1383484"/>
                    <a:pt x="2685943" y="1383196"/>
                  </a:cubicBezTo>
                  <a:cubicBezTo>
                    <a:pt x="2677781" y="1381563"/>
                    <a:pt x="2669717" y="1379931"/>
                    <a:pt x="2661554" y="1378491"/>
                  </a:cubicBezTo>
                  <a:cubicBezTo>
                    <a:pt x="2657138" y="1377723"/>
                    <a:pt x="2652625" y="1377627"/>
                    <a:pt x="2648208" y="1376955"/>
                  </a:cubicBezTo>
                  <a:cubicBezTo>
                    <a:pt x="2631118" y="1374266"/>
                    <a:pt x="2612299" y="1378779"/>
                    <a:pt x="2597512" y="1367162"/>
                  </a:cubicBezTo>
                  <a:cubicBezTo>
                    <a:pt x="2587911" y="1359672"/>
                    <a:pt x="2578597" y="1361401"/>
                    <a:pt x="2568324" y="1362553"/>
                  </a:cubicBezTo>
                  <a:cubicBezTo>
                    <a:pt x="2560547" y="1363417"/>
                    <a:pt x="2552577" y="1363128"/>
                    <a:pt x="2544704" y="1363225"/>
                  </a:cubicBezTo>
                  <a:cubicBezTo>
                    <a:pt x="2530878" y="1363512"/>
                    <a:pt x="2517052" y="1363609"/>
                    <a:pt x="2503225" y="1364089"/>
                  </a:cubicBezTo>
                  <a:cubicBezTo>
                    <a:pt x="2498808" y="1364281"/>
                    <a:pt x="2494297" y="1366682"/>
                    <a:pt x="2489975" y="1366298"/>
                  </a:cubicBezTo>
                  <a:cubicBezTo>
                    <a:pt x="2470004" y="1364473"/>
                    <a:pt x="2450033" y="1361592"/>
                    <a:pt x="2430061" y="1359960"/>
                  </a:cubicBezTo>
                  <a:cubicBezTo>
                    <a:pt x="2418732" y="1359001"/>
                    <a:pt x="2407114" y="1360824"/>
                    <a:pt x="2395880" y="1359480"/>
                  </a:cubicBezTo>
                  <a:cubicBezTo>
                    <a:pt x="2382919" y="1357944"/>
                    <a:pt x="2370245" y="1354008"/>
                    <a:pt x="2357378" y="1351607"/>
                  </a:cubicBezTo>
                  <a:cubicBezTo>
                    <a:pt x="2353826" y="1350935"/>
                    <a:pt x="2349889" y="1351799"/>
                    <a:pt x="2346145" y="1351991"/>
                  </a:cubicBezTo>
                  <a:cubicBezTo>
                    <a:pt x="2341920" y="1352183"/>
                    <a:pt x="2337791" y="1352567"/>
                    <a:pt x="2333567" y="1352663"/>
                  </a:cubicBezTo>
                  <a:cubicBezTo>
                    <a:pt x="2320700" y="1352856"/>
                    <a:pt x="2307835" y="1352567"/>
                    <a:pt x="2294968" y="1353240"/>
                  </a:cubicBezTo>
                  <a:cubicBezTo>
                    <a:pt x="2287095" y="1353624"/>
                    <a:pt x="2278839" y="1357560"/>
                    <a:pt x="2271540" y="1356120"/>
                  </a:cubicBezTo>
                  <a:cubicBezTo>
                    <a:pt x="2256659" y="1353335"/>
                    <a:pt x="2241776" y="1359576"/>
                    <a:pt x="2226895" y="1354392"/>
                  </a:cubicBezTo>
                  <a:cubicBezTo>
                    <a:pt x="2222285" y="1352856"/>
                    <a:pt x="2215948" y="1356696"/>
                    <a:pt x="2210379" y="1356888"/>
                  </a:cubicBezTo>
                  <a:cubicBezTo>
                    <a:pt x="2196457" y="1357368"/>
                    <a:pt x="2182535" y="1357272"/>
                    <a:pt x="2168613" y="1357176"/>
                  </a:cubicBezTo>
                  <a:cubicBezTo>
                    <a:pt x="2156131" y="1357080"/>
                    <a:pt x="2143168" y="1358424"/>
                    <a:pt x="2131167" y="1355736"/>
                  </a:cubicBezTo>
                  <a:cubicBezTo>
                    <a:pt x="2118588" y="1352856"/>
                    <a:pt x="2107259" y="1353240"/>
                    <a:pt x="2095065" y="1356504"/>
                  </a:cubicBezTo>
                  <a:cubicBezTo>
                    <a:pt x="2086711" y="1358712"/>
                    <a:pt x="2077878" y="1359001"/>
                    <a:pt x="2069237" y="1359672"/>
                  </a:cubicBezTo>
                  <a:cubicBezTo>
                    <a:pt x="2059924" y="1360440"/>
                    <a:pt x="2049650" y="1358424"/>
                    <a:pt x="2041201" y="1361592"/>
                  </a:cubicBezTo>
                  <a:cubicBezTo>
                    <a:pt x="2016044" y="1371002"/>
                    <a:pt x="1990216" y="1373018"/>
                    <a:pt x="1963909" y="1373018"/>
                  </a:cubicBezTo>
                  <a:cubicBezTo>
                    <a:pt x="1959107" y="1373018"/>
                    <a:pt x="1954210" y="1371675"/>
                    <a:pt x="1949603" y="1370234"/>
                  </a:cubicBezTo>
                  <a:cubicBezTo>
                    <a:pt x="1922717" y="1361592"/>
                    <a:pt x="1895737" y="1362360"/>
                    <a:pt x="1868373" y="1367641"/>
                  </a:cubicBezTo>
                  <a:cubicBezTo>
                    <a:pt x="1862708" y="1368794"/>
                    <a:pt x="1856372" y="1368986"/>
                    <a:pt x="1850707" y="1367834"/>
                  </a:cubicBezTo>
                  <a:cubicBezTo>
                    <a:pt x="1834768" y="1364473"/>
                    <a:pt x="1819309" y="1358904"/>
                    <a:pt x="1803275" y="1356504"/>
                  </a:cubicBezTo>
                  <a:cubicBezTo>
                    <a:pt x="1776775" y="1352567"/>
                    <a:pt x="1753828" y="1365817"/>
                    <a:pt x="1730112" y="1374459"/>
                  </a:cubicBezTo>
                  <a:cubicBezTo>
                    <a:pt x="1707548" y="1382620"/>
                    <a:pt x="1688345" y="1401055"/>
                    <a:pt x="1661652" y="1396926"/>
                  </a:cubicBezTo>
                  <a:cubicBezTo>
                    <a:pt x="1658965" y="1396542"/>
                    <a:pt x="1655988" y="1399134"/>
                    <a:pt x="1653011" y="1399807"/>
                  </a:cubicBezTo>
                  <a:cubicBezTo>
                    <a:pt x="1644850" y="1401631"/>
                    <a:pt x="1636689" y="1403839"/>
                    <a:pt x="1628431" y="1404704"/>
                  </a:cubicBezTo>
                  <a:cubicBezTo>
                    <a:pt x="1618350" y="1405856"/>
                    <a:pt x="1608076" y="1405472"/>
                    <a:pt x="1597995" y="1406432"/>
                  </a:cubicBezTo>
                  <a:cubicBezTo>
                    <a:pt x="1585032" y="1407584"/>
                    <a:pt x="1572263" y="1410656"/>
                    <a:pt x="1559396" y="1410656"/>
                  </a:cubicBezTo>
                  <a:cubicBezTo>
                    <a:pt x="1549026" y="1410656"/>
                    <a:pt x="1538753" y="1407104"/>
                    <a:pt x="1528480" y="1405375"/>
                  </a:cubicBezTo>
                  <a:cubicBezTo>
                    <a:pt x="1513981" y="1402975"/>
                    <a:pt x="1498042" y="1403647"/>
                    <a:pt x="1485272" y="1397502"/>
                  </a:cubicBezTo>
                  <a:cubicBezTo>
                    <a:pt x="1471639" y="1390973"/>
                    <a:pt x="1458676" y="1387997"/>
                    <a:pt x="1444562" y="1390013"/>
                  </a:cubicBezTo>
                  <a:cubicBezTo>
                    <a:pt x="1439857" y="1390685"/>
                    <a:pt x="1433808" y="1394718"/>
                    <a:pt x="1431696" y="1398846"/>
                  </a:cubicBezTo>
                  <a:cubicBezTo>
                    <a:pt x="1426991" y="1408064"/>
                    <a:pt x="1420559" y="1409697"/>
                    <a:pt x="1411821" y="1406527"/>
                  </a:cubicBezTo>
                  <a:cubicBezTo>
                    <a:pt x="1404236" y="1403839"/>
                    <a:pt x="1394922" y="1402495"/>
                    <a:pt x="1389738" y="1397310"/>
                  </a:cubicBezTo>
                  <a:cubicBezTo>
                    <a:pt x="1375047" y="1382620"/>
                    <a:pt x="1356324" y="1382140"/>
                    <a:pt x="1338081" y="1378204"/>
                  </a:cubicBezTo>
                  <a:cubicBezTo>
                    <a:pt x="1326945" y="1375802"/>
                    <a:pt x="1316574" y="1375707"/>
                    <a:pt x="1305436" y="1377339"/>
                  </a:cubicBezTo>
                  <a:cubicBezTo>
                    <a:pt x="1281241" y="1380988"/>
                    <a:pt x="1257717" y="1375802"/>
                    <a:pt x="1234481" y="1369178"/>
                  </a:cubicBezTo>
                  <a:cubicBezTo>
                    <a:pt x="1219118" y="1364761"/>
                    <a:pt x="1203372" y="1362073"/>
                    <a:pt x="1188106" y="1357560"/>
                  </a:cubicBezTo>
                  <a:cubicBezTo>
                    <a:pt x="1176680" y="1354104"/>
                    <a:pt x="1165255" y="1349975"/>
                    <a:pt x="1154790" y="1344406"/>
                  </a:cubicBezTo>
                  <a:cubicBezTo>
                    <a:pt x="1139618" y="1336244"/>
                    <a:pt x="1126369" y="1323954"/>
                    <a:pt x="1107069" y="1327219"/>
                  </a:cubicBezTo>
                  <a:cubicBezTo>
                    <a:pt x="1090074" y="1330099"/>
                    <a:pt x="1074713" y="1324051"/>
                    <a:pt x="1059158" y="1318290"/>
                  </a:cubicBezTo>
                  <a:cubicBezTo>
                    <a:pt x="1047732" y="1314065"/>
                    <a:pt x="1036308" y="1309744"/>
                    <a:pt x="1024496" y="1307056"/>
                  </a:cubicBezTo>
                  <a:cubicBezTo>
                    <a:pt x="1010478" y="1303887"/>
                    <a:pt x="994635" y="1305232"/>
                    <a:pt x="982153" y="1299374"/>
                  </a:cubicBezTo>
                  <a:cubicBezTo>
                    <a:pt x="969095" y="1293229"/>
                    <a:pt x="958246" y="1297358"/>
                    <a:pt x="946628" y="1299087"/>
                  </a:cubicBezTo>
                  <a:cubicBezTo>
                    <a:pt x="928097" y="1301775"/>
                    <a:pt x="909661" y="1306768"/>
                    <a:pt x="890939" y="1300431"/>
                  </a:cubicBezTo>
                  <a:cubicBezTo>
                    <a:pt x="868184" y="1292750"/>
                    <a:pt x="845620" y="1284493"/>
                    <a:pt x="822769" y="1277196"/>
                  </a:cubicBezTo>
                  <a:cubicBezTo>
                    <a:pt x="813934" y="1274410"/>
                    <a:pt x="804431" y="1273258"/>
                    <a:pt x="795212" y="1272010"/>
                  </a:cubicBezTo>
                  <a:cubicBezTo>
                    <a:pt x="786476" y="1270954"/>
                    <a:pt x="776010" y="1273642"/>
                    <a:pt x="769288" y="1269610"/>
                  </a:cubicBezTo>
                  <a:cubicBezTo>
                    <a:pt x="752005" y="1259241"/>
                    <a:pt x="734243" y="1254152"/>
                    <a:pt x="714271" y="1254152"/>
                  </a:cubicBezTo>
                  <a:cubicBezTo>
                    <a:pt x="706781" y="1254152"/>
                    <a:pt x="699484" y="1249831"/>
                    <a:pt x="691900" y="1249062"/>
                  </a:cubicBezTo>
                  <a:cubicBezTo>
                    <a:pt x="681529" y="1248103"/>
                    <a:pt x="669623" y="1245510"/>
                    <a:pt x="660598" y="1249159"/>
                  </a:cubicBezTo>
                  <a:cubicBezTo>
                    <a:pt x="639379" y="1257800"/>
                    <a:pt x="622193" y="1250599"/>
                    <a:pt x="603662" y="1242054"/>
                  </a:cubicBezTo>
                  <a:cubicBezTo>
                    <a:pt x="585418" y="1233604"/>
                    <a:pt x="566215" y="1226884"/>
                    <a:pt x="546821" y="1221314"/>
                  </a:cubicBezTo>
                  <a:cubicBezTo>
                    <a:pt x="539524" y="1219298"/>
                    <a:pt x="530787" y="1222659"/>
                    <a:pt x="522721" y="1223330"/>
                  </a:cubicBezTo>
                  <a:cubicBezTo>
                    <a:pt x="519840" y="1223523"/>
                    <a:pt x="516671" y="1223811"/>
                    <a:pt x="514080" y="1222851"/>
                  </a:cubicBezTo>
                  <a:cubicBezTo>
                    <a:pt x="489020" y="1213633"/>
                    <a:pt x="463575" y="1206624"/>
                    <a:pt x="436404" y="1211424"/>
                  </a:cubicBezTo>
                  <a:cubicBezTo>
                    <a:pt x="433908" y="1211905"/>
                    <a:pt x="431123" y="1210849"/>
                    <a:pt x="428626" y="1210177"/>
                  </a:cubicBezTo>
                  <a:cubicBezTo>
                    <a:pt x="416432" y="1206720"/>
                    <a:pt x="404526" y="1201247"/>
                    <a:pt x="392141" y="1199999"/>
                  </a:cubicBezTo>
                  <a:cubicBezTo>
                    <a:pt x="361608" y="1196927"/>
                    <a:pt x="330884" y="1195678"/>
                    <a:pt x="300157" y="1193662"/>
                  </a:cubicBezTo>
                  <a:cubicBezTo>
                    <a:pt x="298237" y="1193566"/>
                    <a:pt x="296221" y="1193566"/>
                    <a:pt x="294493" y="1192894"/>
                  </a:cubicBezTo>
                  <a:cubicBezTo>
                    <a:pt x="283163" y="1188765"/>
                    <a:pt x="273274" y="1190110"/>
                    <a:pt x="263671" y="1197982"/>
                  </a:cubicBezTo>
                  <a:cubicBezTo>
                    <a:pt x="259447" y="1201439"/>
                    <a:pt x="253686" y="1203263"/>
                    <a:pt x="248406" y="1205184"/>
                  </a:cubicBezTo>
                  <a:cubicBezTo>
                    <a:pt x="240628" y="1208065"/>
                    <a:pt x="232659" y="1210849"/>
                    <a:pt x="224594" y="1212673"/>
                  </a:cubicBezTo>
                  <a:cubicBezTo>
                    <a:pt x="216624" y="1214401"/>
                    <a:pt x="208079" y="1216801"/>
                    <a:pt x="200398" y="1215458"/>
                  </a:cubicBezTo>
                  <a:cubicBezTo>
                    <a:pt x="186572" y="1213057"/>
                    <a:pt x="173417" y="1207681"/>
                    <a:pt x="159783" y="1204127"/>
                  </a:cubicBezTo>
                  <a:cubicBezTo>
                    <a:pt x="155079" y="1202879"/>
                    <a:pt x="149893" y="1203072"/>
                    <a:pt x="144997" y="1202975"/>
                  </a:cubicBezTo>
                  <a:cubicBezTo>
                    <a:pt x="133763" y="1202688"/>
                    <a:pt x="122241" y="1205472"/>
                    <a:pt x="112064" y="1197503"/>
                  </a:cubicBezTo>
                  <a:cubicBezTo>
                    <a:pt x="102655" y="1190014"/>
                    <a:pt x="93148" y="1192221"/>
                    <a:pt x="83259" y="1197887"/>
                  </a:cubicBezTo>
                  <a:cubicBezTo>
                    <a:pt x="76154" y="1201920"/>
                    <a:pt x="68090" y="1205088"/>
                    <a:pt x="60120" y="1206624"/>
                  </a:cubicBezTo>
                  <a:cubicBezTo>
                    <a:pt x="49174" y="1208736"/>
                    <a:pt x="38324" y="1209601"/>
                    <a:pt x="26514" y="1208352"/>
                  </a:cubicBezTo>
                  <a:cubicBezTo>
                    <a:pt x="18161" y="1207488"/>
                    <a:pt x="11343" y="1207104"/>
                    <a:pt x="4814" y="1202015"/>
                  </a:cubicBezTo>
                  <a:cubicBezTo>
                    <a:pt x="3759" y="1201247"/>
                    <a:pt x="1839" y="1201055"/>
                    <a:pt x="398" y="1201152"/>
                  </a:cubicBezTo>
                  <a:lnTo>
                    <a:pt x="0" y="1201150"/>
                  </a:lnTo>
                  <a:lnTo>
                    <a:pt x="0" y="1004512"/>
                  </a:lnTo>
                  <a:lnTo>
                    <a:pt x="30355" y="1002784"/>
                  </a:lnTo>
                  <a:cubicBezTo>
                    <a:pt x="37748" y="1002111"/>
                    <a:pt x="44853" y="999520"/>
                    <a:pt x="52151" y="997695"/>
                  </a:cubicBezTo>
                  <a:cubicBezTo>
                    <a:pt x="56183" y="996639"/>
                    <a:pt x="60504" y="993855"/>
                    <a:pt x="64248" y="994430"/>
                  </a:cubicBezTo>
                  <a:cubicBezTo>
                    <a:pt x="85948" y="997791"/>
                    <a:pt x="105823" y="989534"/>
                    <a:pt x="126370" y="985405"/>
                  </a:cubicBezTo>
                  <a:cubicBezTo>
                    <a:pt x="135876" y="983485"/>
                    <a:pt x="144805" y="978876"/>
                    <a:pt x="154022" y="975708"/>
                  </a:cubicBezTo>
                  <a:cubicBezTo>
                    <a:pt x="156423" y="974843"/>
                    <a:pt x="159111" y="974075"/>
                    <a:pt x="161512" y="974268"/>
                  </a:cubicBezTo>
                  <a:cubicBezTo>
                    <a:pt x="175242" y="975420"/>
                    <a:pt x="188876" y="977052"/>
                    <a:pt x="202510" y="978300"/>
                  </a:cubicBezTo>
                  <a:cubicBezTo>
                    <a:pt x="214896" y="979452"/>
                    <a:pt x="227378" y="979836"/>
                    <a:pt x="233235" y="993950"/>
                  </a:cubicBezTo>
                  <a:cubicBezTo>
                    <a:pt x="234100" y="996159"/>
                    <a:pt x="236979" y="997791"/>
                    <a:pt x="239188" y="999231"/>
                  </a:cubicBezTo>
                  <a:cubicBezTo>
                    <a:pt x="273274" y="1021411"/>
                    <a:pt x="291516" y="1020835"/>
                    <a:pt x="324834" y="997407"/>
                  </a:cubicBezTo>
                  <a:cubicBezTo>
                    <a:pt x="328290" y="995007"/>
                    <a:pt x="335683" y="993278"/>
                    <a:pt x="337987" y="995198"/>
                  </a:cubicBezTo>
                  <a:cubicBezTo>
                    <a:pt x="357575" y="1011137"/>
                    <a:pt x="378986" y="1009409"/>
                    <a:pt x="401550" y="1004416"/>
                  </a:cubicBezTo>
                  <a:cubicBezTo>
                    <a:pt x="407407" y="1003072"/>
                    <a:pt x="415664" y="1003072"/>
                    <a:pt x="420081" y="1006240"/>
                  </a:cubicBezTo>
                  <a:cubicBezTo>
                    <a:pt x="441108" y="1020930"/>
                    <a:pt x="463672" y="1018819"/>
                    <a:pt x="486523" y="1014498"/>
                  </a:cubicBezTo>
                  <a:cubicBezTo>
                    <a:pt x="490075" y="1013826"/>
                    <a:pt x="494397" y="1010177"/>
                    <a:pt x="495932" y="1006817"/>
                  </a:cubicBezTo>
                  <a:cubicBezTo>
                    <a:pt x="501406" y="994911"/>
                    <a:pt x="511680" y="990878"/>
                    <a:pt x="523009" y="987517"/>
                  </a:cubicBezTo>
                  <a:cubicBezTo>
                    <a:pt x="540868" y="982044"/>
                    <a:pt x="558438" y="975611"/>
                    <a:pt x="576393" y="970427"/>
                  </a:cubicBezTo>
                  <a:cubicBezTo>
                    <a:pt x="580811" y="969179"/>
                    <a:pt x="586283" y="969947"/>
                    <a:pt x="590892" y="971387"/>
                  </a:cubicBezTo>
                  <a:cubicBezTo>
                    <a:pt x="606638" y="976284"/>
                    <a:pt x="616624" y="988574"/>
                    <a:pt x="627569" y="999904"/>
                  </a:cubicBezTo>
                  <a:cubicBezTo>
                    <a:pt x="632370" y="1004897"/>
                    <a:pt x="638995" y="1008449"/>
                    <a:pt x="645429" y="1011329"/>
                  </a:cubicBezTo>
                  <a:cubicBezTo>
                    <a:pt x="662135" y="1018723"/>
                    <a:pt x="679226" y="1025348"/>
                    <a:pt x="696125" y="1032356"/>
                  </a:cubicBezTo>
                  <a:cubicBezTo>
                    <a:pt x="697757" y="1033029"/>
                    <a:pt x="699100" y="1034757"/>
                    <a:pt x="700349" y="1036197"/>
                  </a:cubicBezTo>
                  <a:cubicBezTo>
                    <a:pt x="712831" y="1051368"/>
                    <a:pt x="725216" y="1066634"/>
                    <a:pt x="737795" y="1081804"/>
                  </a:cubicBezTo>
                  <a:cubicBezTo>
                    <a:pt x="740195" y="1084684"/>
                    <a:pt x="743652" y="1086797"/>
                    <a:pt x="746244" y="1089581"/>
                  </a:cubicBezTo>
                  <a:cubicBezTo>
                    <a:pt x="749893" y="1093422"/>
                    <a:pt x="754502" y="1097071"/>
                    <a:pt x="756422" y="1101680"/>
                  </a:cubicBezTo>
                  <a:cubicBezTo>
                    <a:pt x="762374" y="1116177"/>
                    <a:pt x="773801" y="1122419"/>
                    <a:pt x="788202" y="1125108"/>
                  </a:cubicBezTo>
                  <a:cubicBezTo>
                    <a:pt x="801357" y="1127603"/>
                    <a:pt x="814511" y="1129716"/>
                    <a:pt x="827569" y="1132596"/>
                  </a:cubicBezTo>
                  <a:cubicBezTo>
                    <a:pt x="843507" y="1136053"/>
                    <a:pt x="859350" y="1139798"/>
                    <a:pt x="875097" y="1144022"/>
                  </a:cubicBezTo>
                  <a:cubicBezTo>
                    <a:pt x="881913" y="1145847"/>
                    <a:pt x="889115" y="1147959"/>
                    <a:pt x="894972" y="1151704"/>
                  </a:cubicBezTo>
                  <a:cubicBezTo>
                    <a:pt x="911390" y="1162073"/>
                    <a:pt x="928961" y="1169082"/>
                    <a:pt x="948260" y="1166298"/>
                  </a:cubicBezTo>
                  <a:cubicBezTo>
                    <a:pt x="963718" y="1164089"/>
                    <a:pt x="976680" y="1169754"/>
                    <a:pt x="986282" y="1178588"/>
                  </a:cubicBezTo>
                  <a:cubicBezTo>
                    <a:pt x="1003757" y="1194623"/>
                    <a:pt x="1022479" y="1190973"/>
                    <a:pt x="1041107" y="1185789"/>
                  </a:cubicBezTo>
                  <a:cubicBezTo>
                    <a:pt x="1050708" y="1183101"/>
                    <a:pt x="1058581" y="1183485"/>
                    <a:pt x="1067703" y="1186076"/>
                  </a:cubicBezTo>
                  <a:cubicBezTo>
                    <a:pt x="1088826" y="1192126"/>
                    <a:pt x="1102941" y="1208544"/>
                    <a:pt x="1116574" y="1222946"/>
                  </a:cubicBezTo>
                  <a:cubicBezTo>
                    <a:pt x="1128193" y="1235236"/>
                    <a:pt x="1141251" y="1242149"/>
                    <a:pt x="1155557" y="1247335"/>
                  </a:cubicBezTo>
                  <a:cubicBezTo>
                    <a:pt x="1173608" y="1253959"/>
                    <a:pt x="1187914" y="1251464"/>
                    <a:pt x="1196556" y="1235525"/>
                  </a:cubicBezTo>
                  <a:cubicBezTo>
                    <a:pt x="1198956" y="1231012"/>
                    <a:pt x="1203180" y="1225730"/>
                    <a:pt x="1207693" y="1224387"/>
                  </a:cubicBezTo>
                  <a:cubicBezTo>
                    <a:pt x="1229488" y="1217666"/>
                    <a:pt x="1251572" y="1207872"/>
                    <a:pt x="1274904" y="1213826"/>
                  </a:cubicBezTo>
                  <a:cubicBezTo>
                    <a:pt x="1307165" y="1221987"/>
                    <a:pt x="1338658" y="1221507"/>
                    <a:pt x="1370919" y="1213442"/>
                  </a:cubicBezTo>
                  <a:cubicBezTo>
                    <a:pt x="1423247" y="1200383"/>
                    <a:pt x="1475575" y="1186557"/>
                    <a:pt x="1530593" y="1189437"/>
                  </a:cubicBezTo>
                  <a:cubicBezTo>
                    <a:pt x="1539713" y="1189917"/>
                    <a:pt x="1550563" y="1184060"/>
                    <a:pt x="1558436" y="1178299"/>
                  </a:cubicBezTo>
                  <a:cubicBezTo>
                    <a:pt x="1573511" y="1167354"/>
                    <a:pt x="1572838" y="1166489"/>
                    <a:pt x="1589737" y="1175515"/>
                  </a:cubicBezTo>
                  <a:cubicBezTo>
                    <a:pt x="1593770" y="1177724"/>
                    <a:pt x="1598763" y="1179068"/>
                    <a:pt x="1601740" y="1182333"/>
                  </a:cubicBezTo>
                  <a:cubicBezTo>
                    <a:pt x="1616909" y="1198943"/>
                    <a:pt x="1635633" y="1194910"/>
                    <a:pt x="1654259" y="1192510"/>
                  </a:cubicBezTo>
                  <a:cubicBezTo>
                    <a:pt x="1657524" y="1192030"/>
                    <a:pt x="1661460" y="1191358"/>
                    <a:pt x="1664246" y="1192702"/>
                  </a:cubicBezTo>
                  <a:cubicBezTo>
                    <a:pt x="1676823" y="1198750"/>
                    <a:pt x="1687481" y="1196639"/>
                    <a:pt x="1698427" y="1188381"/>
                  </a:cubicBezTo>
                  <a:cubicBezTo>
                    <a:pt x="1707932" y="1181276"/>
                    <a:pt x="1718878" y="1177052"/>
                    <a:pt x="1730112" y="1185885"/>
                  </a:cubicBezTo>
                  <a:cubicBezTo>
                    <a:pt x="1755076" y="1205472"/>
                    <a:pt x="1781767" y="1206432"/>
                    <a:pt x="1809996" y="1194046"/>
                  </a:cubicBezTo>
                  <a:cubicBezTo>
                    <a:pt x="1830159" y="1185213"/>
                    <a:pt x="1850034" y="1183196"/>
                    <a:pt x="1871254" y="1192126"/>
                  </a:cubicBezTo>
                  <a:cubicBezTo>
                    <a:pt x="1879415" y="1195582"/>
                    <a:pt x="1889977" y="1193278"/>
                    <a:pt x="1899482" y="1194046"/>
                  </a:cubicBezTo>
                  <a:cubicBezTo>
                    <a:pt x="1904859" y="1194430"/>
                    <a:pt x="1910813" y="1194526"/>
                    <a:pt x="1915420" y="1196927"/>
                  </a:cubicBezTo>
                  <a:cubicBezTo>
                    <a:pt x="1927711" y="1203072"/>
                    <a:pt x="1939136" y="1210945"/>
                    <a:pt x="1951522" y="1216994"/>
                  </a:cubicBezTo>
                  <a:cubicBezTo>
                    <a:pt x="1957475" y="1219874"/>
                    <a:pt x="1964580" y="1221410"/>
                    <a:pt x="1971302" y="1221507"/>
                  </a:cubicBezTo>
                  <a:cubicBezTo>
                    <a:pt x="1991177" y="1221987"/>
                    <a:pt x="2011052" y="1221987"/>
                    <a:pt x="2030831" y="1221123"/>
                  </a:cubicBezTo>
                  <a:cubicBezTo>
                    <a:pt x="2063476" y="1219778"/>
                    <a:pt x="2096601" y="1219490"/>
                    <a:pt x="2120125" y="1190878"/>
                  </a:cubicBezTo>
                  <a:cubicBezTo>
                    <a:pt x="2122046" y="1188573"/>
                    <a:pt x="2126174" y="1187229"/>
                    <a:pt x="2129439" y="1186845"/>
                  </a:cubicBezTo>
                  <a:cubicBezTo>
                    <a:pt x="2144513" y="1185021"/>
                    <a:pt x="2159971" y="1184828"/>
                    <a:pt x="2174854" y="1181852"/>
                  </a:cubicBezTo>
                  <a:cubicBezTo>
                    <a:pt x="2186760" y="1179452"/>
                    <a:pt x="2196650" y="1180220"/>
                    <a:pt x="2205674" y="1188669"/>
                  </a:cubicBezTo>
                  <a:cubicBezTo>
                    <a:pt x="2217485" y="1199807"/>
                    <a:pt x="2231887" y="1206336"/>
                    <a:pt x="2247634" y="1202784"/>
                  </a:cubicBezTo>
                  <a:cubicBezTo>
                    <a:pt x="2263379" y="1199327"/>
                    <a:pt x="2273749" y="1206816"/>
                    <a:pt x="2285367" y="1214594"/>
                  </a:cubicBezTo>
                  <a:cubicBezTo>
                    <a:pt x="2293817" y="1220258"/>
                    <a:pt x="2303418" y="1227363"/>
                    <a:pt x="2312827" y="1227939"/>
                  </a:cubicBezTo>
                  <a:cubicBezTo>
                    <a:pt x="2334143" y="1229187"/>
                    <a:pt x="2352482" y="1248967"/>
                    <a:pt x="2375622" y="1237733"/>
                  </a:cubicBezTo>
                  <a:cubicBezTo>
                    <a:pt x="2377158" y="1236965"/>
                    <a:pt x="2379942" y="1238885"/>
                    <a:pt x="2382151" y="1239365"/>
                  </a:cubicBezTo>
                  <a:cubicBezTo>
                    <a:pt x="2399817" y="1243014"/>
                    <a:pt x="2416428" y="1239461"/>
                    <a:pt x="2429390" y="1227459"/>
                  </a:cubicBezTo>
                  <a:cubicBezTo>
                    <a:pt x="2446385" y="1211809"/>
                    <a:pt x="2465203" y="1210272"/>
                    <a:pt x="2486134" y="1215362"/>
                  </a:cubicBezTo>
                  <a:cubicBezTo>
                    <a:pt x="2492856" y="1216994"/>
                    <a:pt x="2499577" y="1218146"/>
                    <a:pt x="2506394" y="1219490"/>
                  </a:cubicBezTo>
                  <a:cubicBezTo>
                    <a:pt x="2515611" y="1221410"/>
                    <a:pt x="2524925" y="1223427"/>
                    <a:pt x="2534142" y="1225347"/>
                  </a:cubicBezTo>
                  <a:cubicBezTo>
                    <a:pt x="2543072" y="1227268"/>
                    <a:pt x="2552962" y="1230532"/>
                    <a:pt x="2559874" y="1222275"/>
                  </a:cubicBezTo>
                  <a:cubicBezTo>
                    <a:pt x="2565827" y="1215169"/>
                    <a:pt x="2570052" y="1215842"/>
                    <a:pt x="2575525" y="1221987"/>
                  </a:cubicBezTo>
                  <a:cubicBezTo>
                    <a:pt x="2594536" y="1243494"/>
                    <a:pt x="2617580" y="1256936"/>
                    <a:pt x="2646960" y="1257896"/>
                  </a:cubicBezTo>
                  <a:cubicBezTo>
                    <a:pt x="2653009" y="1258088"/>
                    <a:pt x="2659154" y="1259432"/>
                    <a:pt x="2665107" y="1260873"/>
                  </a:cubicBezTo>
                  <a:cubicBezTo>
                    <a:pt x="2668756" y="1261736"/>
                    <a:pt x="2673173" y="1262697"/>
                    <a:pt x="2675381" y="1265290"/>
                  </a:cubicBezTo>
                  <a:cubicBezTo>
                    <a:pt x="2692567" y="1285068"/>
                    <a:pt x="2713979" y="1298799"/>
                    <a:pt x="2737311" y="1309841"/>
                  </a:cubicBezTo>
                  <a:cubicBezTo>
                    <a:pt x="2745664" y="1313777"/>
                    <a:pt x="2754594" y="1317713"/>
                    <a:pt x="2763619" y="1318866"/>
                  </a:cubicBezTo>
                  <a:cubicBezTo>
                    <a:pt x="2773028" y="1320018"/>
                    <a:pt x="2782917" y="1318098"/>
                    <a:pt x="2792519" y="1317041"/>
                  </a:cubicBezTo>
                  <a:cubicBezTo>
                    <a:pt x="2798184" y="1316466"/>
                    <a:pt x="2804713" y="1316561"/>
                    <a:pt x="2809226" y="1313777"/>
                  </a:cubicBezTo>
                  <a:cubicBezTo>
                    <a:pt x="2823532" y="1305039"/>
                    <a:pt x="2837358" y="1295631"/>
                    <a:pt x="2850705" y="1285452"/>
                  </a:cubicBezTo>
                  <a:cubicBezTo>
                    <a:pt x="2862131" y="1276715"/>
                    <a:pt x="2864435" y="1275467"/>
                    <a:pt x="2874324" y="1286413"/>
                  </a:cubicBezTo>
                  <a:cubicBezTo>
                    <a:pt x="2884502" y="1297647"/>
                    <a:pt x="2897176" y="1303503"/>
                    <a:pt x="2911194" y="1305903"/>
                  </a:cubicBezTo>
                  <a:cubicBezTo>
                    <a:pt x="2933373" y="1309648"/>
                    <a:pt x="2955745" y="1312816"/>
                    <a:pt x="2978116" y="1314641"/>
                  </a:cubicBezTo>
                  <a:cubicBezTo>
                    <a:pt x="2998375" y="1316273"/>
                    <a:pt x="3008073" y="1307440"/>
                    <a:pt x="3012106" y="1287373"/>
                  </a:cubicBezTo>
                  <a:cubicBezTo>
                    <a:pt x="3014410" y="1276235"/>
                    <a:pt x="3017387" y="1264137"/>
                    <a:pt x="3029676" y="1261161"/>
                  </a:cubicBezTo>
                  <a:cubicBezTo>
                    <a:pt x="3049744" y="1256360"/>
                    <a:pt x="3070579" y="1254248"/>
                    <a:pt x="3080469" y="1230724"/>
                  </a:cubicBezTo>
                  <a:cubicBezTo>
                    <a:pt x="3085941" y="1235909"/>
                    <a:pt x="3089302" y="1238981"/>
                    <a:pt x="3092567" y="1242054"/>
                  </a:cubicBezTo>
                  <a:cubicBezTo>
                    <a:pt x="3101592" y="1250599"/>
                    <a:pt x="3120314" y="1254248"/>
                    <a:pt x="3129821" y="1246855"/>
                  </a:cubicBezTo>
                  <a:cubicBezTo>
                    <a:pt x="3143839" y="1236101"/>
                    <a:pt x="3156705" y="1238117"/>
                    <a:pt x="3170147" y="1246471"/>
                  </a:cubicBezTo>
                  <a:cubicBezTo>
                    <a:pt x="3192615" y="1260297"/>
                    <a:pt x="3217674" y="1257128"/>
                    <a:pt x="3240429" y="1251559"/>
                  </a:cubicBezTo>
                  <a:cubicBezTo>
                    <a:pt x="3257617" y="1247430"/>
                    <a:pt x="3275956" y="1239845"/>
                    <a:pt x="3287189" y="1222466"/>
                  </a:cubicBezTo>
                  <a:cubicBezTo>
                    <a:pt x="3290741" y="1216898"/>
                    <a:pt x="3298711" y="1214113"/>
                    <a:pt x="3305049" y="1210465"/>
                  </a:cubicBezTo>
                  <a:cubicBezTo>
                    <a:pt x="3310329" y="1207488"/>
                    <a:pt x="3315898" y="1204704"/>
                    <a:pt x="3321755" y="1202784"/>
                  </a:cubicBezTo>
                  <a:cubicBezTo>
                    <a:pt x="3327995" y="1200671"/>
                    <a:pt x="3334909" y="1197598"/>
                    <a:pt x="3341055" y="1198463"/>
                  </a:cubicBezTo>
                  <a:cubicBezTo>
                    <a:pt x="3359681" y="1200959"/>
                    <a:pt x="3374467" y="1196062"/>
                    <a:pt x="3387621" y="1182140"/>
                  </a:cubicBezTo>
                  <a:cubicBezTo>
                    <a:pt x="3394439" y="1174939"/>
                    <a:pt x="3404520" y="1166202"/>
                    <a:pt x="3413161" y="1166105"/>
                  </a:cubicBezTo>
                  <a:cubicBezTo>
                    <a:pt x="3434189" y="1165818"/>
                    <a:pt x="3451663" y="1158905"/>
                    <a:pt x="3470579" y="1150647"/>
                  </a:cubicBezTo>
                  <a:cubicBezTo>
                    <a:pt x="3482772" y="1145366"/>
                    <a:pt x="3496598" y="1141718"/>
                    <a:pt x="3509657" y="1136821"/>
                  </a:cubicBezTo>
                  <a:cubicBezTo>
                    <a:pt x="3524923" y="1131060"/>
                    <a:pt x="3541534" y="1128948"/>
                    <a:pt x="3550847" y="1113009"/>
                  </a:cubicBezTo>
                  <a:cubicBezTo>
                    <a:pt x="3551903" y="1111281"/>
                    <a:pt x="3555072" y="1110993"/>
                    <a:pt x="3556608" y="1109361"/>
                  </a:cubicBezTo>
                  <a:cubicBezTo>
                    <a:pt x="3561505" y="1104368"/>
                    <a:pt x="3567842" y="1099760"/>
                    <a:pt x="3570435" y="1093710"/>
                  </a:cubicBezTo>
                  <a:cubicBezTo>
                    <a:pt x="3577923" y="1076044"/>
                    <a:pt x="3583780" y="1057800"/>
                    <a:pt x="3590501" y="1039846"/>
                  </a:cubicBezTo>
                  <a:cubicBezTo>
                    <a:pt x="3591942" y="1036005"/>
                    <a:pt x="3593285" y="1031108"/>
                    <a:pt x="3596263" y="1028900"/>
                  </a:cubicBezTo>
                  <a:cubicBezTo>
                    <a:pt x="3613449" y="1016226"/>
                    <a:pt x="3630925" y="1004032"/>
                    <a:pt x="3648591" y="992030"/>
                  </a:cubicBezTo>
                  <a:cubicBezTo>
                    <a:pt x="3655696" y="987229"/>
                    <a:pt x="3661649" y="989918"/>
                    <a:pt x="3667986" y="995487"/>
                  </a:cubicBezTo>
                  <a:cubicBezTo>
                    <a:pt x="3674131" y="1000768"/>
                    <a:pt x="3681717" y="1006240"/>
                    <a:pt x="3689397" y="1007585"/>
                  </a:cubicBezTo>
                  <a:cubicBezTo>
                    <a:pt x="3704760" y="1010177"/>
                    <a:pt x="3720698" y="1010753"/>
                    <a:pt x="3736349" y="1010753"/>
                  </a:cubicBezTo>
                  <a:cubicBezTo>
                    <a:pt x="3742205" y="1010753"/>
                    <a:pt x="3748446" y="1007297"/>
                    <a:pt x="3753919" y="1004513"/>
                  </a:cubicBezTo>
                  <a:cubicBezTo>
                    <a:pt x="3764289" y="999231"/>
                    <a:pt x="3773890" y="992126"/>
                    <a:pt x="3784643" y="987710"/>
                  </a:cubicBezTo>
                  <a:cubicBezTo>
                    <a:pt x="3797126" y="982621"/>
                    <a:pt x="3804615" y="974459"/>
                    <a:pt x="3808359" y="961689"/>
                  </a:cubicBezTo>
                  <a:cubicBezTo>
                    <a:pt x="3813929" y="942679"/>
                    <a:pt x="3827179" y="929428"/>
                    <a:pt x="3842829" y="918674"/>
                  </a:cubicBezTo>
                  <a:cubicBezTo>
                    <a:pt x="3862705" y="904944"/>
                    <a:pt x="3886421" y="905616"/>
                    <a:pt x="3908983" y="902256"/>
                  </a:cubicBezTo>
                  <a:cubicBezTo>
                    <a:pt x="3917625" y="901008"/>
                    <a:pt x="3926555" y="899951"/>
                    <a:pt x="3934428" y="896783"/>
                  </a:cubicBezTo>
                  <a:cubicBezTo>
                    <a:pt x="3964288" y="884877"/>
                    <a:pt x="3994149" y="873548"/>
                    <a:pt x="4026987" y="873835"/>
                  </a:cubicBezTo>
                  <a:cubicBezTo>
                    <a:pt x="4029674" y="873835"/>
                    <a:pt x="4032363" y="873548"/>
                    <a:pt x="4035051" y="873067"/>
                  </a:cubicBezTo>
                  <a:cubicBezTo>
                    <a:pt x="4058383" y="869131"/>
                    <a:pt x="4082483" y="867594"/>
                    <a:pt x="4099189" y="846664"/>
                  </a:cubicBezTo>
                  <a:cubicBezTo>
                    <a:pt x="4102261" y="842823"/>
                    <a:pt x="4109271" y="841671"/>
                    <a:pt x="4114647" y="840134"/>
                  </a:cubicBezTo>
                  <a:cubicBezTo>
                    <a:pt x="4123961" y="837638"/>
                    <a:pt x="4130203" y="832549"/>
                    <a:pt x="4133563" y="823427"/>
                  </a:cubicBezTo>
                  <a:cubicBezTo>
                    <a:pt x="4139229" y="807681"/>
                    <a:pt x="4145949" y="792223"/>
                    <a:pt x="4151039" y="776284"/>
                  </a:cubicBezTo>
                  <a:cubicBezTo>
                    <a:pt x="4154591" y="765338"/>
                    <a:pt x="4161215" y="759289"/>
                    <a:pt x="4171489" y="754776"/>
                  </a:cubicBezTo>
                  <a:cubicBezTo>
                    <a:pt x="4177251" y="752280"/>
                    <a:pt x="4182243" y="746808"/>
                    <a:pt x="4186372" y="741718"/>
                  </a:cubicBezTo>
                  <a:cubicBezTo>
                    <a:pt x="4191365" y="735573"/>
                    <a:pt x="4193957" y="727412"/>
                    <a:pt x="4199429" y="721940"/>
                  </a:cubicBezTo>
                  <a:cubicBezTo>
                    <a:pt x="4212775" y="708305"/>
                    <a:pt x="4216905" y="693231"/>
                    <a:pt x="4212487" y="674604"/>
                  </a:cubicBezTo>
                  <a:cubicBezTo>
                    <a:pt x="4208551" y="658090"/>
                    <a:pt x="4218921" y="636006"/>
                    <a:pt x="4232555" y="632645"/>
                  </a:cubicBezTo>
                  <a:cubicBezTo>
                    <a:pt x="4247629" y="628900"/>
                    <a:pt x="4257999" y="619684"/>
                    <a:pt x="4268657" y="609410"/>
                  </a:cubicBezTo>
                  <a:cubicBezTo>
                    <a:pt x="4274609" y="603649"/>
                    <a:pt x="4282963" y="598656"/>
                    <a:pt x="4291028" y="597216"/>
                  </a:cubicBezTo>
                  <a:cubicBezTo>
                    <a:pt x="4321657" y="591647"/>
                    <a:pt x="4350557" y="598464"/>
                    <a:pt x="4379651" y="609506"/>
                  </a:cubicBezTo>
                  <a:cubicBezTo>
                    <a:pt x="4398661" y="616707"/>
                    <a:pt x="4419784" y="618627"/>
                    <a:pt x="4440139" y="621507"/>
                  </a:cubicBezTo>
                  <a:cubicBezTo>
                    <a:pt x="4446477" y="622371"/>
                    <a:pt x="4454542" y="620452"/>
                    <a:pt x="4460015" y="616899"/>
                  </a:cubicBezTo>
                  <a:cubicBezTo>
                    <a:pt x="4479218" y="604609"/>
                    <a:pt x="4498325" y="591935"/>
                    <a:pt x="4516183" y="577724"/>
                  </a:cubicBezTo>
                  <a:cubicBezTo>
                    <a:pt x="4532795" y="564379"/>
                    <a:pt x="4551517" y="558810"/>
                    <a:pt x="4571681" y="560250"/>
                  </a:cubicBezTo>
                  <a:cubicBezTo>
                    <a:pt x="4586371" y="561306"/>
                    <a:pt x="4599621" y="558905"/>
                    <a:pt x="4613447" y="555257"/>
                  </a:cubicBezTo>
                  <a:cubicBezTo>
                    <a:pt x="4624969" y="552185"/>
                    <a:pt x="4637643" y="550072"/>
                    <a:pt x="4649355" y="551417"/>
                  </a:cubicBezTo>
                  <a:cubicBezTo>
                    <a:pt x="4665775" y="553337"/>
                    <a:pt x="4679313" y="550553"/>
                    <a:pt x="4692467" y="540663"/>
                  </a:cubicBezTo>
                  <a:cubicBezTo>
                    <a:pt x="4699476" y="535382"/>
                    <a:pt x="4708502" y="532598"/>
                    <a:pt x="4716855" y="528949"/>
                  </a:cubicBezTo>
                  <a:cubicBezTo>
                    <a:pt x="4729721" y="523284"/>
                    <a:pt x="4743067" y="518483"/>
                    <a:pt x="4755645" y="512147"/>
                  </a:cubicBezTo>
                  <a:cubicBezTo>
                    <a:pt x="4769183" y="505425"/>
                    <a:pt x="4781569" y="496112"/>
                    <a:pt x="4795395" y="490351"/>
                  </a:cubicBezTo>
                  <a:cubicBezTo>
                    <a:pt x="4810278" y="484110"/>
                    <a:pt x="4819879" y="474605"/>
                    <a:pt x="4825928" y="459818"/>
                  </a:cubicBezTo>
                  <a:cubicBezTo>
                    <a:pt x="4829769" y="450504"/>
                    <a:pt x="4835049" y="440615"/>
                    <a:pt x="4842347" y="434086"/>
                  </a:cubicBezTo>
                  <a:cubicBezTo>
                    <a:pt x="4857422" y="420740"/>
                    <a:pt x="4875087" y="410370"/>
                    <a:pt x="4890451" y="397216"/>
                  </a:cubicBezTo>
                  <a:cubicBezTo>
                    <a:pt x="4912054" y="378781"/>
                    <a:pt x="4932025" y="359194"/>
                    <a:pt x="4933945" y="327701"/>
                  </a:cubicBezTo>
                  <a:cubicBezTo>
                    <a:pt x="4935001" y="310322"/>
                    <a:pt x="4944219" y="302929"/>
                    <a:pt x="4961214" y="298801"/>
                  </a:cubicBezTo>
                  <a:cubicBezTo>
                    <a:pt x="4966878" y="297457"/>
                    <a:pt x="4974945" y="294864"/>
                    <a:pt x="4976672" y="290639"/>
                  </a:cubicBezTo>
                  <a:cubicBezTo>
                    <a:pt x="4981857" y="278061"/>
                    <a:pt x="4992610" y="275565"/>
                    <a:pt x="5002979" y="270573"/>
                  </a:cubicBezTo>
                  <a:cubicBezTo>
                    <a:pt x="5009221" y="267596"/>
                    <a:pt x="5016903" y="261739"/>
                    <a:pt x="5018535" y="255690"/>
                  </a:cubicBezTo>
                  <a:cubicBezTo>
                    <a:pt x="5025255" y="231206"/>
                    <a:pt x="5043690" y="216804"/>
                    <a:pt x="5061069" y="200961"/>
                  </a:cubicBezTo>
                  <a:cubicBezTo>
                    <a:pt x="5066158" y="196256"/>
                    <a:pt x="5071631" y="190879"/>
                    <a:pt x="5074127" y="184735"/>
                  </a:cubicBezTo>
                  <a:cubicBezTo>
                    <a:pt x="5079409" y="171484"/>
                    <a:pt x="5087281" y="161882"/>
                    <a:pt x="5101108" y="156891"/>
                  </a:cubicBezTo>
                  <a:cubicBezTo>
                    <a:pt x="5105524" y="155354"/>
                    <a:pt x="5109557" y="151801"/>
                    <a:pt x="5112918" y="148441"/>
                  </a:cubicBezTo>
                  <a:cubicBezTo>
                    <a:pt x="5120119" y="141144"/>
                    <a:pt x="5126167" y="132598"/>
                    <a:pt x="5133753" y="125782"/>
                  </a:cubicBezTo>
                  <a:cubicBezTo>
                    <a:pt x="5153051" y="108211"/>
                    <a:pt x="5172159" y="90928"/>
                    <a:pt x="5183393" y="66348"/>
                  </a:cubicBezTo>
                  <a:cubicBezTo>
                    <a:pt x="5188865" y="54346"/>
                    <a:pt x="5195107" y="41288"/>
                    <a:pt x="5204709" y="33030"/>
                  </a:cubicBezTo>
                  <a:cubicBezTo>
                    <a:pt x="5216903" y="22565"/>
                    <a:pt x="5232937" y="16612"/>
                    <a:pt x="5247243" y="8451"/>
                  </a:cubicBezTo>
                  <a:close/>
                </a:path>
              </a:pathLst>
            </a:custGeom>
            <a:blipFill dpi="0" rotWithShape="1">
              <a:blip r:embed="rId3">
                <a:alphaModFix amt="57000"/>
              </a:blip>
              <a:srcRect/>
              <a:tile tx="0" ty="0" sx="100000" sy="100000" flip="none" algn="tl"/>
            </a:blipFill>
            <a:ln>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grpSp>
    </p:spTree>
    <p:extLst>
      <p:ext uri="{BB962C8B-B14F-4D97-AF65-F5344CB8AC3E}">
        <p14:creationId xmlns:p14="http://schemas.microsoft.com/office/powerpoint/2010/main" val="64701936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12" name="Rectangle 11">
            <a:extLst>
              <a:ext uri="{FF2B5EF4-FFF2-40B4-BE49-F238E27FC236}">
                <a16:creationId xmlns:a16="http://schemas.microsoft.com/office/drawing/2014/main" id="{201CC55D-ED54-4C5C-95E6-10947BD1103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1999" cy="6857365"/>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BEC83430-8B0E-2A6F-DFCF-68E3C1931F2B}"/>
              </a:ext>
            </a:extLst>
          </p:cNvPr>
          <p:cNvSpPr>
            <a:spLocks noGrp="1"/>
          </p:cNvSpPr>
          <p:nvPr>
            <p:ph type="title"/>
          </p:nvPr>
        </p:nvSpPr>
        <p:spPr>
          <a:xfrm>
            <a:off x="589560" y="856180"/>
            <a:ext cx="4560584" cy="1128068"/>
          </a:xfrm>
        </p:spPr>
        <p:txBody>
          <a:bodyPr vert="horz" lIns="91440" tIns="45720" rIns="91440" bIns="45720" rtlCol="0" anchor="ctr">
            <a:normAutofit/>
          </a:bodyPr>
          <a:lstStyle/>
          <a:p>
            <a:r>
              <a:rPr lang="en-US" sz="3700" dirty="0">
                <a:solidFill>
                  <a:schemeClr val="tx1"/>
                </a:solidFill>
                <a:latin typeface="+mj-lt"/>
                <a:cs typeface="+mj-cs"/>
              </a:rPr>
              <a:t>Welcome and Introductions</a:t>
            </a:r>
          </a:p>
        </p:txBody>
      </p:sp>
      <p:grpSp>
        <p:nvGrpSpPr>
          <p:cNvPr id="14" name="Group 13">
            <a:extLst>
              <a:ext uri="{FF2B5EF4-FFF2-40B4-BE49-F238E27FC236}">
                <a16:creationId xmlns:a16="http://schemas.microsoft.com/office/drawing/2014/main" id="{1DE889C7-FAD6-4397-98E2-05D503484459}"/>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0" y="1083484"/>
            <a:ext cx="355196" cy="673460"/>
            <a:chOff x="0" y="823811"/>
            <a:chExt cx="355196" cy="673460"/>
          </a:xfrm>
        </p:grpSpPr>
        <p:sp>
          <p:nvSpPr>
            <p:cNvPr id="15" name="Rectangle 14">
              <a:extLst>
                <a:ext uri="{FF2B5EF4-FFF2-40B4-BE49-F238E27FC236}">
                  <a16:creationId xmlns:a16="http://schemas.microsoft.com/office/drawing/2014/main" id="{F399A70F-F8CD-4992-9EF5-6CF15472E73F}"/>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0" y="823811"/>
              <a:ext cx="87363" cy="67346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Rectangle 15">
              <a:extLst>
                <a:ext uri="{FF2B5EF4-FFF2-40B4-BE49-F238E27FC236}">
                  <a16:creationId xmlns:a16="http://schemas.microsoft.com/office/drawing/2014/main" id="{48F4FEDC-6D80-458C-A665-075D9B9500FD}"/>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159341" y="823811"/>
              <a:ext cx="195855" cy="67346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18" name="Rectangle 17">
            <a:extLst>
              <a:ext uri="{FF2B5EF4-FFF2-40B4-BE49-F238E27FC236}">
                <a16:creationId xmlns:a16="http://schemas.microsoft.com/office/drawing/2014/main" id="{3873B707-463F-40B0-8227-E8CC6C67EB2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flipH="1">
            <a:off x="665085" y="2090569"/>
            <a:ext cx="4297680" cy="27432"/>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Text Placeholder 3">
            <a:extLst>
              <a:ext uri="{FF2B5EF4-FFF2-40B4-BE49-F238E27FC236}">
                <a16:creationId xmlns:a16="http://schemas.microsoft.com/office/drawing/2014/main" id="{14BB4D49-E290-13DF-7953-E20F2DC61319}"/>
              </a:ext>
            </a:extLst>
          </p:cNvPr>
          <p:cNvSpPr>
            <a:spLocks noGrp="1"/>
          </p:cNvSpPr>
          <p:nvPr>
            <p:ph type="body" sz="half" idx="2"/>
          </p:nvPr>
        </p:nvSpPr>
        <p:spPr>
          <a:xfrm>
            <a:off x="590719" y="2330505"/>
            <a:ext cx="4559425" cy="3979585"/>
          </a:xfrm>
        </p:spPr>
        <p:txBody>
          <a:bodyPr vert="horz" lIns="91440" tIns="45720" rIns="91440" bIns="45720" rtlCol="0" anchor="ctr">
            <a:normAutofit/>
          </a:bodyPr>
          <a:lstStyle/>
          <a:p>
            <a:pPr indent="-228600">
              <a:buFont typeface="Arial" panose="020B0604020202020204" pitchFamily="34" charset="0"/>
              <a:buChar char="•"/>
            </a:pPr>
            <a:r>
              <a:rPr lang="en-US" sz="2000" dirty="0">
                <a:latin typeface="+mn-lt"/>
              </a:rPr>
              <a:t>Please Share:</a:t>
            </a:r>
          </a:p>
          <a:p>
            <a:pPr marL="457200" indent="-228600">
              <a:buFont typeface="Arial" panose="020B0604020202020204" pitchFamily="34" charset="0"/>
              <a:buChar char="•"/>
            </a:pPr>
            <a:r>
              <a:rPr lang="en-US" sz="2000" dirty="0">
                <a:latin typeface="+mn-lt"/>
              </a:rPr>
              <a:t>Name</a:t>
            </a:r>
          </a:p>
          <a:p>
            <a:pPr marL="457200" indent="-228600">
              <a:buFont typeface="Arial" panose="020B0604020202020204" pitchFamily="34" charset="0"/>
              <a:buChar char="•"/>
            </a:pPr>
            <a:r>
              <a:rPr lang="en-US" sz="2000" dirty="0">
                <a:latin typeface="+mn-lt"/>
              </a:rPr>
              <a:t>Facility</a:t>
            </a:r>
          </a:p>
          <a:p>
            <a:pPr marL="457200" indent="-228600">
              <a:buFont typeface="Arial" panose="020B0604020202020204" pitchFamily="34" charset="0"/>
              <a:buChar char="•"/>
            </a:pPr>
            <a:r>
              <a:rPr lang="en-US" sz="2000" dirty="0">
                <a:latin typeface="+mn-lt"/>
              </a:rPr>
              <a:t>How long in your current role</a:t>
            </a:r>
          </a:p>
          <a:p>
            <a:pPr marL="457200" indent="-228600">
              <a:buFont typeface="Arial" panose="020B0604020202020204" pitchFamily="34" charset="0"/>
              <a:buChar char="•"/>
            </a:pPr>
            <a:r>
              <a:rPr lang="en-US" sz="2000" dirty="0">
                <a:latin typeface="+mn-lt"/>
              </a:rPr>
              <a:t>Is your birthday today? Do you know anyone whose birthday is today?</a:t>
            </a:r>
          </a:p>
          <a:p>
            <a:pPr marL="457200" indent="-228600">
              <a:buFont typeface="Arial" panose="020B0604020202020204" pitchFamily="34" charset="0"/>
              <a:buChar char="•"/>
            </a:pPr>
            <a:r>
              <a:rPr lang="en-US" sz="2000" dirty="0">
                <a:latin typeface="+mn-lt"/>
              </a:rPr>
              <a:t>Do you do anything special for Leap Day?</a:t>
            </a:r>
          </a:p>
        </p:txBody>
      </p:sp>
      <p:sp>
        <p:nvSpPr>
          <p:cNvPr id="20" name="Rectangle 19">
            <a:extLst>
              <a:ext uri="{FF2B5EF4-FFF2-40B4-BE49-F238E27FC236}">
                <a16:creationId xmlns:a16="http://schemas.microsoft.com/office/drawing/2014/main" id="{C13237C8-E62C-4F0D-A318-BD6FB6C2D13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flipH="1">
            <a:off x="10697670" y="0"/>
            <a:ext cx="1494330"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2" name="Rectangle 21">
            <a:extLst>
              <a:ext uri="{FF2B5EF4-FFF2-40B4-BE49-F238E27FC236}">
                <a16:creationId xmlns:a16="http://schemas.microsoft.com/office/drawing/2014/main" id="{19C9EAEA-39D0-4B0E-A0EB-51E7B26740B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685810" y="513853"/>
            <a:ext cx="6009366" cy="5834577"/>
          </a:xfrm>
          <a:prstGeom prst="rect">
            <a:avLst/>
          </a:prstGeom>
          <a:solidFill>
            <a:schemeClr val="bg1"/>
          </a:solidFill>
          <a:ln>
            <a:noFill/>
          </a:ln>
          <a:effectLst>
            <a:outerShdw blurRad="139700" dist="127000" dir="5400000" algn="t" rotWithShape="0">
              <a:prstClr val="black">
                <a:alpha val="15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6" name="Content Placeholder 5" descr="A cartoon frog jumping on clovers">
            <a:extLst>
              <a:ext uri="{FF2B5EF4-FFF2-40B4-BE49-F238E27FC236}">
                <a16:creationId xmlns:a16="http://schemas.microsoft.com/office/drawing/2014/main" id="{BA3ED47F-83D8-FE2F-B9A6-650D4D5270CF}"/>
              </a:ext>
            </a:extLst>
          </p:cNvPr>
          <p:cNvPicPr>
            <a:picLocks noGrp="1" noChangeAspect="1"/>
          </p:cNvPicPr>
          <p:nvPr>
            <p:ph idx="1"/>
          </p:nvPr>
        </p:nvPicPr>
        <p:blipFill rotWithShape="1">
          <a:blip r:embed="rId2">
            <a:extLst>
              <a:ext uri="{837473B0-CC2E-450A-ABE3-18F120FF3D39}">
                <a1611:picAttrSrcUrl xmlns:a1611="http://schemas.microsoft.com/office/drawing/2016/11/main" r:id="rId3"/>
              </a:ext>
            </a:extLst>
          </a:blip>
          <a:srcRect r="-4" b="3058"/>
          <a:stretch/>
        </p:blipFill>
        <p:spPr>
          <a:xfrm>
            <a:off x="5977788" y="799352"/>
            <a:ext cx="5425410" cy="5259296"/>
          </a:xfrm>
          <a:prstGeom prst="rect">
            <a:avLst/>
          </a:prstGeom>
        </p:spPr>
      </p:pic>
      <p:sp>
        <p:nvSpPr>
          <p:cNvPr id="7" name="TextBox 6">
            <a:extLst>
              <a:ext uri="{FF2B5EF4-FFF2-40B4-BE49-F238E27FC236}">
                <a16:creationId xmlns:a16="http://schemas.microsoft.com/office/drawing/2014/main" id="{C1B9727C-73BA-090F-6778-A4D27A43D148}"/>
              </a:ext>
            </a:extLst>
          </p:cNvPr>
          <p:cNvSpPr txBox="1"/>
          <p:nvPr/>
        </p:nvSpPr>
        <p:spPr>
          <a:xfrm>
            <a:off x="8943871" y="5858593"/>
            <a:ext cx="2459327" cy="200055"/>
          </a:xfrm>
          <a:prstGeom prst="rect">
            <a:avLst/>
          </a:prstGeom>
          <a:solidFill>
            <a:srgbClr val="000000"/>
          </a:solidFill>
        </p:spPr>
        <p:txBody>
          <a:bodyPr wrap="none" rtlCol="0">
            <a:spAutoFit/>
          </a:bodyPr>
          <a:lstStyle/>
          <a:p>
            <a:pPr algn="r">
              <a:spcAft>
                <a:spcPts val="600"/>
              </a:spcAft>
            </a:pPr>
            <a:r>
              <a:rPr lang="en-US" sz="700">
                <a:solidFill>
                  <a:srgbClr val="FFFFFF"/>
                </a:solidFill>
                <a:hlinkClick r:id="rId3" tooltip="https://www.ohioemployerlawblog.com/2016/02/happy-leap-day-or-happy-exempt.html">
                  <a:extLst>
                    <a:ext uri="{A12FA001-AC4F-418D-AE19-62706E023703}">
                      <ahyp:hlinkClr xmlns:ahyp="http://schemas.microsoft.com/office/drawing/2018/hyperlinkcolor" val="tx"/>
                    </a:ext>
                  </a:extLst>
                </a:hlinkClick>
              </a:rPr>
              <a:t>This Photo</a:t>
            </a:r>
            <a:r>
              <a:rPr lang="en-US" sz="700">
                <a:solidFill>
                  <a:srgbClr val="FFFFFF"/>
                </a:solidFill>
              </a:rPr>
              <a:t> by Unknown Author is licensed under </a:t>
            </a:r>
            <a:r>
              <a:rPr lang="en-US" sz="700">
                <a:solidFill>
                  <a:srgbClr val="FFFFFF"/>
                </a:solidFill>
                <a:hlinkClick r:id="rId4" tooltip="https://creativecommons.org/licenses/by-nc-nd/3.0/">
                  <a:extLst>
                    <a:ext uri="{A12FA001-AC4F-418D-AE19-62706E023703}">
                      <ahyp:hlinkClr xmlns:ahyp="http://schemas.microsoft.com/office/drawing/2018/hyperlinkcolor" val="tx"/>
                    </a:ext>
                  </a:extLst>
                </a:hlinkClick>
              </a:rPr>
              <a:t>CC BY-NC-ND</a:t>
            </a:r>
            <a:endParaRPr lang="en-US" sz="700">
              <a:solidFill>
                <a:srgbClr val="FFFFFF"/>
              </a:solidFill>
            </a:endParaRPr>
          </a:p>
        </p:txBody>
      </p:sp>
    </p:spTree>
    <p:extLst>
      <p:ext uri="{BB962C8B-B14F-4D97-AF65-F5344CB8AC3E}">
        <p14:creationId xmlns:p14="http://schemas.microsoft.com/office/powerpoint/2010/main" val="46530209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DC35A348-C5D6-4112-9FDD-93A493B010B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solidFill>
            <a:schemeClr val="tx1"/>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F3261084-083D-281B-E62A-0469FFD97381}"/>
              </a:ext>
            </a:extLst>
          </p:cNvPr>
          <p:cNvSpPr>
            <a:spLocks noGrp="1"/>
          </p:cNvSpPr>
          <p:nvPr>
            <p:ph type="title"/>
          </p:nvPr>
        </p:nvSpPr>
        <p:spPr>
          <a:xfrm>
            <a:off x="838199" y="4428000"/>
            <a:ext cx="6143626" cy="1400400"/>
          </a:xfrm>
        </p:spPr>
        <p:txBody>
          <a:bodyPr vert="horz" wrap="square" lIns="91440" tIns="45720" rIns="91440" bIns="45720" rtlCol="0" anchor="b">
            <a:normAutofit/>
          </a:bodyPr>
          <a:lstStyle/>
          <a:p>
            <a:r>
              <a:rPr lang="en-US" sz="3500" kern="1200">
                <a:solidFill>
                  <a:schemeClr val="bg1"/>
                </a:solidFill>
                <a:latin typeface="+mj-lt"/>
                <a:ea typeface="+mj-ea"/>
                <a:cs typeface="+mj-cs"/>
              </a:rPr>
              <a:t>Save the Date!</a:t>
            </a:r>
            <a:br>
              <a:rPr lang="en-US" sz="3500" kern="1200">
                <a:solidFill>
                  <a:schemeClr val="bg1"/>
                </a:solidFill>
                <a:latin typeface="+mj-lt"/>
                <a:ea typeface="+mj-ea"/>
                <a:cs typeface="+mj-cs"/>
              </a:rPr>
            </a:br>
            <a:r>
              <a:rPr lang="en-US" sz="3500" kern="1200">
                <a:solidFill>
                  <a:schemeClr val="bg1"/>
                </a:solidFill>
                <a:latin typeface="+mj-lt"/>
                <a:ea typeface="+mj-ea"/>
                <a:cs typeface="+mj-cs"/>
              </a:rPr>
              <a:t>Teaming Up for Perinatal Care</a:t>
            </a:r>
          </a:p>
        </p:txBody>
      </p:sp>
      <p:sp>
        <p:nvSpPr>
          <p:cNvPr id="4" name="Text Placeholder 3">
            <a:extLst>
              <a:ext uri="{FF2B5EF4-FFF2-40B4-BE49-F238E27FC236}">
                <a16:creationId xmlns:a16="http://schemas.microsoft.com/office/drawing/2014/main" id="{F4D2D62A-6472-714C-8DFC-8D4F65725170}"/>
              </a:ext>
            </a:extLst>
          </p:cNvPr>
          <p:cNvSpPr>
            <a:spLocks noGrp="1"/>
          </p:cNvSpPr>
          <p:nvPr>
            <p:ph type="body" sz="half" idx="2"/>
          </p:nvPr>
        </p:nvSpPr>
        <p:spPr>
          <a:xfrm>
            <a:off x="7859713" y="4716472"/>
            <a:ext cx="3494088" cy="1017896"/>
          </a:xfrm>
        </p:spPr>
        <p:txBody>
          <a:bodyPr vert="horz" lIns="91440" tIns="45720" rIns="91440" bIns="45720" rtlCol="0" anchor="b">
            <a:normAutofit/>
          </a:bodyPr>
          <a:lstStyle/>
          <a:p>
            <a:r>
              <a:rPr lang="en-US" sz="2400" kern="1200">
                <a:solidFill>
                  <a:schemeClr val="bg1"/>
                </a:solidFill>
                <a:latin typeface="+mn-lt"/>
                <a:ea typeface="+mn-ea"/>
                <a:cs typeface="+mn-cs"/>
              </a:rPr>
              <a:t>Friday, November 15, 2024</a:t>
            </a:r>
          </a:p>
        </p:txBody>
      </p:sp>
      <p:pic>
        <p:nvPicPr>
          <p:cNvPr id="5" name="Content Placeholder 4">
            <a:extLst>
              <a:ext uri="{FF2B5EF4-FFF2-40B4-BE49-F238E27FC236}">
                <a16:creationId xmlns:a16="http://schemas.microsoft.com/office/drawing/2014/main" id="{7ED5728C-58DC-53E4-641A-EC056BA6E1D6}"/>
              </a:ext>
            </a:extLst>
          </p:cNvPr>
          <p:cNvPicPr>
            <a:picLocks noGrp="1" noChangeAspect="1"/>
          </p:cNvPicPr>
          <p:nvPr>
            <p:ph idx="1"/>
          </p:nvPr>
        </p:nvPicPr>
        <p:blipFill rotWithShape="1">
          <a:blip r:embed="rId2"/>
          <a:srcRect t="17460" b="7439"/>
          <a:stretch/>
        </p:blipFill>
        <p:spPr>
          <a:xfrm>
            <a:off x="20" y="10"/>
            <a:ext cx="4000480" cy="4005933"/>
          </a:xfrm>
          <a:custGeom>
            <a:avLst/>
            <a:gdLst/>
            <a:ahLst/>
            <a:cxnLst/>
            <a:rect l="l" t="t" r="r" b="b"/>
            <a:pathLst>
              <a:path w="4000500" h="4005943">
                <a:moveTo>
                  <a:pt x="0" y="0"/>
                </a:moveTo>
                <a:lnTo>
                  <a:pt x="4000500" y="0"/>
                </a:lnTo>
                <a:lnTo>
                  <a:pt x="4000500" y="3936797"/>
                </a:lnTo>
                <a:lnTo>
                  <a:pt x="3316514" y="4005943"/>
                </a:lnTo>
                <a:lnTo>
                  <a:pt x="0" y="3964175"/>
                </a:lnTo>
                <a:close/>
              </a:path>
            </a:pathLst>
          </a:custGeom>
        </p:spPr>
      </p:pic>
      <p:pic>
        <p:nvPicPr>
          <p:cNvPr id="6" name="Picture 5">
            <a:extLst>
              <a:ext uri="{FF2B5EF4-FFF2-40B4-BE49-F238E27FC236}">
                <a16:creationId xmlns:a16="http://schemas.microsoft.com/office/drawing/2014/main" id="{9C910166-DCEB-3428-7BE2-3DDA2ABDCD4F}"/>
              </a:ext>
            </a:extLst>
          </p:cNvPr>
          <p:cNvPicPr>
            <a:picLocks noChangeAspect="1"/>
          </p:cNvPicPr>
          <p:nvPr/>
        </p:nvPicPr>
        <p:blipFill rotWithShape="1">
          <a:blip r:embed="rId3"/>
          <a:srcRect t="14683" b="8200"/>
          <a:stretch/>
        </p:blipFill>
        <p:spPr>
          <a:xfrm>
            <a:off x="4191002" y="10"/>
            <a:ext cx="3809998" cy="3917529"/>
          </a:xfrm>
          <a:custGeom>
            <a:avLst/>
            <a:gdLst/>
            <a:ahLst/>
            <a:cxnLst/>
            <a:rect l="l" t="t" r="r" b="b"/>
            <a:pathLst>
              <a:path w="3809998" h="3917539">
                <a:moveTo>
                  <a:pt x="0" y="0"/>
                </a:moveTo>
                <a:lnTo>
                  <a:pt x="3809998" y="0"/>
                </a:lnTo>
                <a:lnTo>
                  <a:pt x="3809998" y="3909212"/>
                </a:lnTo>
                <a:lnTo>
                  <a:pt x="1781628" y="3737429"/>
                </a:lnTo>
                <a:lnTo>
                  <a:pt x="0" y="3917539"/>
                </a:lnTo>
                <a:close/>
              </a:path>
            </a:pathLst>
          </a:custGeom>
        </p:spPr>
      </p:pic>
      <p:pic>
        <p:nvPicPr>
          <p:cNvPr id="7" name="Picture 6">
            <a:extLst>
              <a:ext uri="{FF2B5EF4-FFF2-40B4-BE49-F238E27FC236}">
                <a16:creationId xmlns:a16="http://schemas.microsoft.com/office/drawing/2014/main" id="{C460B9D1-4C64-85BE-3851-F071BB4BFCA8}"/>
              </a:ext>
            </a:extLst>
          </p:cNvPr>
          <p:cNvPicPr>
            <a:picLocks noChangeAspect="1"/>
          </p:cNvPicPr>
          <p:nvPr/>
        </p:nvPicPr>
        <p:blipFill rotWithShape="1">
          <a:blip r:embed="rId4"/>
          <a:srcRect l="11387" r="12828" b="2"/>
          <a:stretch/>
        </p:blipFill>
        <p:spPr>
          <a:xfrm>
            <a:off x="8191500" y="10"/>
            <a:ext cx="4000500" cy="3959022"/>
          </a:xfrm>
          <a:custGeom>
            <a:avLst/>
            <a:gdLst/>
            <a:ahLst/>
            <a:cxnLst/>
            <a:rect l="l" t="t" r="r" b="b"/>
            <a:pathLst>
              <a:path w="4000500" h="3959032">
                <a:moveTo>
                  <a:pt x="0" y="0"/>
                </a:moveTo>
                <a:lnTo>
                  <a:pt x="4000500" y="0"/>
                </a:lnTo>
                <a:lnTo>
                  <a:pt x="4000500" y="3959032"/>
                </a:lnTo>
                <a:lnTo>
                  <a:pt x="9072" y="3926114"/>
                </a:lnTo>
                <a:lnTo>
                  <a:pt x="0" y="3925346"/>
                </a:lnTo>
                <a:close/>
              </a:path>
            </a:pathLst>
          </a:custGeom>
        </p:spPr>
      </p:pic>
      <p:grpSp>
        <p:nvGrpSpPr>
          <p:cNvPr id="14" name="Group 13">
            <a:extLst>
              <a:ext uri="{FF2B5EF4-FFF2-40B4-BE49-F238E27FC236}">
                <a16:creationId xmlns:a16="http://schemas.microsoft.com/office/drawing/2014/main" id="{AC0B7807-0C83-4963-821A-69B172722E49}"/>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0" y="3528992"/>
            <a:ext cx="12192000" cy="757168"/>
            <a:chOff x="0" y="2959818"/>
            <a:chExt cx="12192000" cy="757168"/>
          </a:xfrm>
        </p:grpSpPr>
        <p:sp>
          <p:nvSpPr>
            <p:cNvPr id="15" name="Freeform: Shape 14">
              <a:extLst>
                <a:ext uri="{FF2B5EF4-FFF2-40B4-BE49-F238E27FC236}">
                  <a16:creationId xmlns:a16="http://schemas.microsoft.com/office/drawing/2014/main" id="{BB027EC7-3252-48A2-A7A4-1741F72E4713}"/>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0" y="2959818"/>
              <a:ext cx="12192000" cy="757168"/>
            </a:xfrm>
            <a:custGeom>
              <a:avLst/>
              <a:gdLst>
                <a:gd name="connsiteX0" fmla="*/ 0 w 12192000"/>
                <a:gd name="connsiteY0" fmla="*/ 0 h 757168"/>
                <a:gd name="connsiteX1" fmla="*/ 41653 w 12192000"/>
                <a:gd name="connsiteY1" fmla="*/ 6945 h 757168"/>
                <a:gd name="connsiteX2" fmla="*/ 81317 w 12192000"/>
                <a:gd name="connsiteY2" fmla="*/ 15509 h 757168"/>
                <a:gd name="connsiteX3" fmla="*/ 114150 w 12192000"/>
                <a:gd name="connsiteY3" fmla="*/ 28105 h 757168"/>
                <a:gd name="connsiteX4" fmla="*/ 214865 w 12192000"/>
                <a:gd name="connsiteY4" fmla="*/ 58374 h 757168"/>
                <a:gd name="connsiteX5" fmla="*/ 299237 w 12192000"/>
                <a:gd name="connsiteY5" fmla="*/ 63560 h 757168"/>
                <a:gd name="connsiteX6" fmla="*/ 415570 w 12192000"/>
                <a:gd name="connsiteY6" fmla="*/ 83774 h 757168"/>
                <a:gd name="connsiteX7" fmla="*/ 633210 w 12192000"/>
                <a:gd name="connsiteY7" fmla="*/ 109108 h 757168"/>
                <a:gd name="connsiteX8" fmla="*/ 677567 w 12192000"/>
                <a:gd name="connsiteY8" fmla="*/ 119446 h 757168"/>
                <a:gd name="connsiteX9" fmla="*/ 946429 w 12192000"/>
                <a:gd name="connsiteY9" fmla="*/ 171502 h 757168"/>
                <a:gd name="connsiteX10" fmla="*/ 1163367 w 12192000"/>
                <a:gd name="connsiteY10" fmla="*/ 182106 h 757168"/>
                <a:gd name="connsiteX11" fmla="*/ 1180337 w 12192000"/>
                <a:gd name="connsiteY11" fmla="*/ 181279 h 757168"/>
                <a:gd name="connsiteX12" fmla="*/ 1263939 w 12192000"/>
                <a:gd name="connsiteY12" fmla="*/ 173070 h 757168"/>
                <a:gd name="connsiteX13" fmla="*/ 1392213 w 12192000"/>
                <a:gd name="connsiteY13" fmla="*/ 183225 h 757168"/>
                <a:gd name="connsiteX14" fmla="*/ 1479752 w 12192000"/>
                <a:gd name="connsiteY14" fmla="*/ 205174 h 757168"/>
                <a:gd name="connsiteX15" fmla="*/ 1589813 w 12192000"/>
                <a:gd name="connsiteY15" fmla="*/ 211706 h 757168"/>
                <a:gd name="connsiteX16" fmla="*/ 1716264 w 12192000"/>
                <a:gd name="connsiteY16" fmla="*/ 207459 h 757168"/>
                <a:gd name="connsiteX17" fmla="*/ 1772900 w 12192000"/>
                <a:gd name="connsiteY17" fmla="*/ 208137 h 757168"/>
                <a:gd name="connsiteX18" fmla="*/ 1929319 w 12192000"/>
                <a:gd name="connsiteY18" fmla="*/ 193822 h 757168"/>
                <a:gd name="connsiteX19" fmla="*/ 2021514 w 12192000"/>
                <a:gd name="connsiteY19" fmla="*/ 204186 h 757168"/>
                <a:gd name="connsiteX20" fmla="*/ 2111753 w 12192000"/>
                <a:gd name="connsiteY20" fmla="*/ 223797 h 757168"/>
                <a:gd name="connsiteX21" fmla="*/ 2169356 w 12192000"/>
                <a:gd name="connsiteY21" fmla="*/ 241125 h 757168"/>
                <a:gd name="connsiteX22" fmla="*/ 2286638 w 12192000"/>
                <a:gd name="connsiteY22" fmla="*/ 257382 h 757168"/>
                <a:gd name="connsiteX23" fmla="*/ 2308368 w 12192000"/>
                <a:gd name="connsiteY23" fmla="*/ 256995 h 757168"/>
                <a:gd name="connsiteX24" fmla="*/ 2660621 w 12192000"/>
                <a:gd name="connsiteY24" fmla="*/ 262863 h 757168"/>
                <a:gd name="connsiteX25" fmla="*/ 2801134 w 12192000"/>
                <a:gd name="connsiteY25" fmla="*/ 250006 h 757168"/>
                <a:gd name="connsiteX26" fmla="*/ 2830994 w 12192000"/>
                <a:gd name="connsiteY26" fmla="*/ 249091 h 757168"/>
                <a:gd name="connsiteX27" fmla="*/ 3129084 w 12192000"/>
                <a:gd name="connsiteY27" fmla="*/ 242009 h 757168"/>
                <a:gd name="connsiteX28" fmla="*/ 3162162 w 12192000"/>
                <a:gd name="connsiteY28" fmla="*/ 242789 h 757168"/>
                <a:gd name="connsiteX29" fmla="*/ 3254072 w 12192000"/>
                <a:gd name="connsiteY29" fmla="*/ 251612 h 757168"/>
                <a:gd name="connsiteX30" fmla="*/ 3473491 w 12192000"/>
                <a:gd name="connsiteY30" fmla="*/ 221903 h 757168"/>
                <a:gd name="connsiteX31" fmla="*/ 3691860 w 12192000"/>
                <a:gd name="connsiteY31" fmla="*/ 219228 h 757168"/>
                <a:gd name="connsiteX32" fmla="*/ 3811494 w 12192000"/>
                <a:gd name="connsiteY32" fmla="*/ 225691 h 757168"/>
                <a:gd name="connsiteX33" fmla="*/ 3897533 w 12192000"/>
                <a:gd name="connsiteY33" fmla="*/ 220087 h 757168"/>
                <a:gd name="connsiteX34" fmla="*/ 4109430 w 12192000"/>
                <a:gd name="connsiteY34" fmla="*/ 200477 h 757168"/>
                <a:gd name="connsiteX35" fmla="*/ 4208772 w 12192000"/>
                <a:gd name="connsiteY35" fmla="*/ 200914 h 757168"/>
                <a:gd name="connsiteX36" fmla="*/ 4314641 w 12192000"/>
                <a:gd name="connsiteY36" fmla="*/ 196159 h 757168"/>
                <a:gd name="connsiteX37" fmla="*/ 4577622 w 12192000"/>
                <a:gd name="connsiteY37" fmla="*/ 163774 h 757168"/>
                <a:gd name="connsiteX38" fmla="*/ 4790345 w 12192000"/>
                <a:gd name="connsiteY38" fmla="*/ 177592 h 757168"/>
                <a:gd name="connsiteX39" fmla="*/ 4926164 w 12192000"/>
                <a:gd name="connsiteY39" fmla="*/ 184139 h 757168"/>
                <a:gd name="connsiteX40" fmla="*/ 5088812 w 12192000"/>
                <a:gd name="connsiteY40" fmla="*/ 177401 h 757168"/>
                <a:gd name="connsiteX41" fmla="*/ 5222466 w 12192000"/>
                <a:gd name="connsiteY41" fmla="*/ 162082 h 757168"/>
                <a:gd name="connsiteX42" fmla="*/ 5406528 w 12192000"/>
                <a:gd name="connsiteY42" fmla="*/ 153987 h 757168"/>
                <a:gd name="connsiteX43" fmla="*/ 5590716 w 12192000"/>
                <a:gd name="connsiteY43" fmla="*/ 129490 h 757168"/>
                <a:gd name="connsiteX44" fmla="*/ 5719429 w 12192000"/>
                <a:gd name="connsiteY44" fmla="*/ 110099 h 757168"/>
                <a:gd name="connsiteX45" fmla="*/ 5897895 w 12192000"/>
                <a:gd name="connsiteY45" fmla="*/ 96368 h 757168"/>
                <a:gd name="connsiteX46" fmla="*/ 6169957 w 12192000"/>
                <a:gd name="connsiteY46" fmla="*/ 94411 h 757168"/>
                <a:gd name="connsiteX47" fmla="*/ 6294827 w 12192000"/>
                <a:gd name="connsiteY47" fmla="*/ 99236 h 757168"/>
                <a:gd name="connsiteX48" fmla="*/ 6494261 w 12192000"/>
                <a:gd name="connsiteY48" fmla="*/ 71724 h 757168"/>
                <a:gd name="connsiteX49" fmla="*/ 6579627 w 12192000"/>
                <a:gd name="connsiteY49" fmla="*/ 57883 h 757168"/>
                <a:gd name="connsiteX50" fmla="*/ 6654800 w 12192000"/>
                <a:gd name="connsiteY50" fmla="*/ 77086 h 757168"/>
                <a:gd name="connsiteX51" fmla="*/ 6703059 w 12192000"/>
                <a:gd name="connsiteY51" fmla="*/ 97166 h 757168"/>
                <a:gd name="connsiteX52" fmla="*/ 6859445 w 12192000"/>
                <a:gd name="connsiteY52" fmla="*/ 90481 h 757168"/>
                <a:gd name="connsiteX53" fmla="*/ 7025414 w 12192000"/>
                <a:gd name="connsiteY53" fmla="*/ 83536 h 757168"/>
                <a:gd name="connsiteX54" fmla="*/ 7144137 w 12192000"/>
                <a:gd name="connsiteY54" fmla="*/ 79264 h 757168"/>
                <a:gd name="connsiteX55" fmla="*/ 7291235 w 12192000"/>
                <a:gd name="connsiteY55" fmla="*/ 95367 h 757168"/>
                <a:gd name="connsiteX56" fmla="*/ 7407395 w 12192000"/>
                <a:gd name="connsiteY56" fmla="*/ 104888 h 757168"/>
                <a:gd name="connsiteX57" fmla="*/ 7500837 w 12192000"/>
                <a:gd name="connsiteY57" fmla="*/ 119515 h 757168"/>
                <a:gd name="connsiteX58" fmla="*/ 7533567 w 12192000"/>
                <a:gd name="connsiteY58" fmla="*/ 126955 h 757168"/>
                <a:gd name="connsiteX59" fmla="*/ 7792910 w 12192000"/>
                <a:gd name="connsiteY59" fmla="*/ 185188 h 757168"/>
                <a:gd name="connsiteX60" fmla="*/ 8070699 w 12192000"/>
                <a:gd name="connsiteY60" fmla="*/ 235423 h 757168"/>
                <a:gd name="connsiteX61" fmla="*/ 8253177 w 12192000"/>
                <a:gd name="connsiteY61" fmla="*/ 222473 h 757168"/>
                <a:gd name="connsiteX62" fmla="*/ 8320683 w 12192000"/>
                <a:gd name="connsiteY62" fmla="*/ 226393 h 757168"/>
                <a:gd name="connsiteX63" fmla="*/ 8631438 w 12192000"/>
                <a:gd name="connsiteY63" fmla="*/ 237528 h 757168"/>
                <a:gd name="connsiteX64" fmla="*/ 8686410 w 12192000"/>
                <a:gd name="connsiteY64" fmla="*/ 234877 h 757168"/>
                <a:gd name="connsiteX65" fmla="*/ 8980658 w 12192000"/>
                <a:gd name="connsiteY65" fmla="*/ 273001 h 757168"/>
                <a:gd name="connsiteX66" fmla="*/ 9087625 w 12192000"/>
                <a:gd name="connsiteY66" fmla="*/ 282423 h 757168"/>
                <a:gd name="connsiteX67" fmla="*/ 9186017 w 12192000"/>
                <a:gd name="connsiteY67" fmla="*/ 293875 h 757168"/>
                <a:gd name="connsiteX68" fmla="*/ 9323931 w 12192000"/>
                <a:gd name="connsiteY68" fmla="*/ 302628 h 757168"/>
                <a:gd name="connsiteX69" fmla="*/ 9467213 w 12192000"/>
                <a:gd name="connsiteY69" fmla="*/ 307275 h 757168"/>
                <a:gd name="connsiteX70" fmla="*/ 9626826 w 12192000"/>
                <a:gd name="connsiteY70" fmla="*/ 316213 h 757168"/>
                <a:gd name="connsiteX71" fmla="*/ 9689696 w 12192000"/>
                <a:gd name="connsiteY71" fmla="*/ 324467 h 757168"/>
                <a:gd name="connsiteX72" fmla="*/ 9860526 w 12192000"/>
                <a:gd name="connsiteY72" fmla="*/ 329986 h 757168"/>
                <a:gd name="connsiteX73" fmla="*/ 9949775 w 12192000"/>
                <a:gd name="connsiteY73" fmla="*/ 340386 h 757168"/>
                <a:gd name="connsiteX74" fmla="*/ 10097252 w 12192000"/>
                <a:gd name="connsiteY74" fmla="*/ 349262 h 757168"/>
                <a:gd name="connsiteX75" fmla="*/ 10145261 w 12192000"/>
                <a:gd name="connsiteY75" fmla="*/ 353113 h 757168"/>
                <a:gd name="connsiteX76" fmla="*/ 10188159 w 12192000"/>
                <a:gd name="connsiteY76" fmla="*/ 356124 h 757168"/>
                <a:gd name="connsiteX77" fmla="*/ 10336144 w 12192000"/>
                <a:gd name="connsiteY77" fmla="*/ 348235 h 757168"/>
                <a:gd name="connsiteX78" fmla="*/ 10466847 w 12192000"/>
                <a:gd name="connsiteY78" fmla="*/ 354131 h 757168"/>
                <a:gd name="connsiteX79" fmla="*/ 10696514 w 12192000"/>
                <a:gd name="connsiteY79" fmla="*/ 353575 h 757168"/>
                <a:gd name="connsiteX80" fmla="*/ 10746932 w 12192000"/>
                <a:gd name="connsiteY80" fmla="*/ 360606 h 757168"/>
                <a:gd name="connsiteX81" fmla="*/ 10905388 w 12192000"/>
                <a:gd name="connsiteY81" fmla="*/ 370627 h 757168"/>
                <a:gd name="connsiteX82" fmla="*/ 10995602 w 12192000"/>
                <a:gd name="connsiteY82" fmla="*/ 376691 h 757168"/>
                <a:gd name="connsiteX83" fmla="*/ 11107647 w 12192000"/>
                <a:gd name="connsiteY83" fmla="*/ 373405 h 757168"/>
                <a:gd name="connsiteX84" fmla="*/ 11302440 w 12192000"/>
                <a:gd name="connsiteY84" fmla="*/ 364156 h 757168"/>
                <a:gd name="connsiteX85" fmla="*/ 11353613 w 12192000"/>
                <a:gd name="connsiteY85" fmla="*/ 363785 h 757168"/>
                <a:gd name="connsiteX86" fmla="*/ 11447323 w 12192000"/>
                <a:gd name="connsiteY86" fmla="*/ 359346 h 757168"/>
                <a:gd name="connsiteX87" fmla="*/ 11464292 w 12192000"/>
                <a:gd name="connsiteY87" fmla="*/ 358519 h 757168"/>
                <a:gd name="connsiteX88" fmla="*/ 11607560 w 12192000"/>
                <a:gd name="connsiteY88" fmla="*/ 342370 h 757168"/>
                <a:gd name="connsiteX89" fmla="*/ 11681426 w 12192000"/>
                <a:gd name="connsiteY89" fmla="*/ 344335 h 757168"/>
                <a:gd name="connsiteX90" fmla="*/ 11893565 w 12192000"/>
                <a:gd name="connsiteY90" fmla="*/ 355261 h 757168"/>
                <a:gd name="connsiteX91" fmla="*/ 11983290 w 12192000"/>
                <a:gd name="connsiteY91" fmla="*/ 363588 h 757168"/>
                <a:gd name="connsiteX92" fmla="*/ 12192000 w 12192000"/>
                <a:gd name="connsiteY92" fmla="*/ 388018 h 757168"/>
                <a:gd name="connsiteX93" fmla="*/ 12192000 w 12192000"/>
                <a:gd name="connsiteY93" fmla="*/ 577115 h 757168"/>
                <a:gd name="connsiteX94" fmla="*/ 12157329 w 12192000"/>
                <a:gd name="connsiteY94" fmla="*/ 588862 h 757168"/>
                <a:gd name="connsiteX95" fmla="*/ 12066948 w 12192000"/>
                <a:gd name="connsiteY95" fmla="*/ 586034 h 757168"/>
                <a:gd name="connsiteX96" fmla="*/ 11911344 w 12192000"/>
                <a:gd name="connsiteY96" fmla="*/ 521599 h 757168"/>
                <a:gd name="connsiteX97" fmla="*/ 11847823 w 12192000"/>
                <a:gd name="connsiteY97" fmla="*/ 511785 h 757168"/>
                <a:gd name="connsiteX98" fmla="*/ 11737547 w 12192000"/>
                <a:gd name="connsiteY98" fmla="*/ 502380 h 757168"/>
                <a:gd name="connsiteX99" fmla="*/ 11636052 w 12192000"/>
                <a:gd name="connsiteY99" fmla="*/ 514993 h 757168"/>
                <a:gd name="connsiteX100" fmla="*/ 11394706 w 12192000"/>
                <a:gd name="connsiteY100" fmla="*/ 590867 h 757168"/>
                <a:gd name="connsiteX101" fmla="*/ 11354978 w 12192000"/>
                <a:gd name="connsiteY101" fmla="*/ 597561 h 757168"/>
                <a:gd name="connsiteX102" fmla="*/ 11285306 w 12192000"/>
                <a:gd name="connsiteY102" fmla="*/ 599825 h 757168"/>
                <a:gd name="connsiteX103" fmla="*/ 11008528 w 12192000"/>
                <a:gd name="connsiteY103" fmla="*/ 656670 h 757168"/>
                <a:gd name="connsiteX104" fmla="*/ 10948735 w 12192000"/>
                <a:gd name="connsiteY104" fmla="*/ 652964 h 757168"/>
                <a:gd name="connsiteX105" fmla="*/ 10850698 w 12192000"/>
                <a:gd name="connsiteY105" fmla="*/ 641721 h 757168"/>
                <a:gd name="connsiteX106" fmla="*/ 10744026 w 12192000"/>
                <a:gd name="connsiteY106" fmla="*/ 647769 h 757168"/>
                <a:gd name="connsiteX107" fmla="*/ 10666160 w 12192000"/>
                <a:gd name="connsiteY107" fmla="*/ 651891 h 757168"/>
                <a:gd name="connsiteX108" fmla="*/ 10450521 w 12192000"/>
                <a:gd name="connsiteY108" fmla="*/ 616552 h 757168"/>
                <a:gd name="connsiteX109" fmla="*/ 10271192 w 12192000"/>
                <a:gd name="connsiteY109" fmla="*/ 583498 h 757168"/>
                <a:gd name="connsiteX110" fmla="*/ 10246067 w 12192000"/>
                <a:gd name="connsiteY110" fmla="*/ 585423 h 757168"/>
                <a:gd name="connsiteX111" fmla="*/ 10005027 w 12192000"/>
                <a:gd name="connsiteY111" fmla="*/ 592252 h 757168"/>
                <a:gd name="connsiteX112" fmla="*/ 9898681 w 12192000"/>
                <a:gd name="connsiteY112" fmla="*/ 613195 h 757168"/>
                <a:gd name="connsiteX113" fmla="*/ 9753225 w 12192000"/>
                <a:gd name="connsiteY113" fmla="*/ 629038 h 757168"/>
                <a:gd name="connsiteX114" fmla="*/ 9591376 w 12192000"/>
                <a:gd name="connsiteY114" fmla="*/ 648601 h 757168"/>
                <a:gd name="connsiteX115" fmla="*/ 9472860 w 12192000"/>
                <a:gd name="connsiteY115" fmla="*/ 655936 h 757168"/>
                <a:gd name="connsiteX116" fmla="*/ 9299788 w 12192000"/>
                <a:gd name="connsiteY116" fmla="*/ 636945 h 757168"/>
                <a:gd name="connsiteX117" fmla="*/ 9264605 w 12192000"/>
                <a:gd name="connsiteY117" fmla="*/ 627087 h 757168"/>
                <a:gd name="connsiteX118" fmla="*/ 8926435 w 12192000"/>
                <a:gd name="connsiteY118" fmla="*/ 549269 h 757168"/>
                <a:gd name="connsiteX119" fmla="*/ 8698934 w 12192000"/>
                <a:gd name="connsiteY119" fmla="*/ 536583 h 757168"/>
                <a:gd name="connsiteX120" fmla="*/ 8622862 w 12192000"/>
                <a:gd name="connsiteY120" fmla="*/ 541563 h 757168"/>
                <a:gd name="connsiteX121" fmla="*/ 8482784 w 12192000"/>
                <a:gd name="connsiteY121" fmla="*/ 574094 h 757168"/>
                <a:gd name="connsiteX122" fmla="*/ 8421565 w 12192000"/>
                <a:gd name="connsiteY122" fmla="*/ 576610 h 757168"/>
                <a:gd name="connsiteX123" fmla="*/ 8313469 w 12192000"/>
                <a:gd name="connsiteY123" fmla="*/ 574762 h 757168"/>
                <a:gd name="connsiteX124" fmla="*/ 8079520 w 12192000"/>
                <a:gd name="connsiteY124" fmla="*/ 558685 h 757168"/>
                <a:gd name="connsiteX125" fmla="*/ 7773327 w 12192000"/>
                <a:gd name="connsiteY125" fmla="*/ 558854 h 757168"/>
                <a:gd name="connsiteX126" fmla="*/ 7652477 w 12192000"/>
                <a:gd name="connsiteY126" fmla="*/ 547561 h 757168"/>
                <a:gd name="connsiteX127" fmla="*/ 7522274 w 12192000"/>
                <a:gd name="connsiteY127" fmla="*/ 532150 h 757168"/>
                <a:gd name="connsiteX128" fmla="*/ 7484080 w 12192000"/>
                <a:gd name="connsiteY128" fmla="*/ 530532 h 757168"/>
                <a:gd name="connsiteX129" fmla="*/ 7282277 w 12192000"/>
                <a:gd name="connsiteY129" fmla="*/ 540177 h 757168"/>
                <a:gd name="connsiteX130" fmla="*/ 7235690 w 12192000"/>
                <a:gd name="connsiteY130" fmla="*/ 551282 h 757168"/>
                <a:gd name="connsiteX131" fmla="*/ 7116339 w 12192000"/>
                <a:gd name="connsiteY131" fmla="*/ 539494 h 757168"/>
                <a:gd name="connsiteX132" fmla="*/ 7011067 w 12192000"/>
                <a:gd name="connsiteY132" fmla="*/ 511848 h 757168"/>
                <a:gd name="connsiteX133" fmla="*/ 6403234 w 12192000"/>
                <a:gd name="connsiteY133" fmla="*/ 432296 h 757168"/>
                <a:gd name="connsiteX134" fmla="*/ 6036273 w 12192000"/>
                <a:gd name="connsiteY134" fmla="*/ 412301 h 757168"/>
                <a:gd name="connsiteX135" fmla="*/ 5780467 w 12192000"/>
                <a:gd name="connsiteY135" fmla="*/ 377910 h 757168"/>
                <a:gd name="connsiteX136" fmla="*/ 5739051 w 12192000"/>
                <a:gd name="connsiteY136" fmla="*/ 353609 h 757168"/>
                <a:gd name="connsiteX137" fmla="*/ 5583566 w 12192000"/>
                <a:gd name="connsiteY137" fmla="*/ 321995 h 757168"/>
                <a:gd name="connsiteX138" fmla="*/ 5432030 w 12192000"/>
                <a:gd name="connsiteY138" fmla="*/ 362512 h 757168"/>
                <a:gd name="connsiteX139" fmla="*/ 5241398 w 12192000"/>
                <a:gd name="connsiteY139" fmla="*/ 425781 h 757168"/>
                <a:gd name="connsiteX140" fmla="*/ 5139710 w 12192000"/>
                <a:gd name="connsiteY140" fmla="*/ 421022 h 757168"/>
                <a:gd name="connsiteX141" fmla="*/ 4929402 w 12192000"/>
                <a:gd name="connsiteY141" fmla="*/ 424310 h 757168"/>
                <a:gd name="connsiteX142" fmla="*/ 4782793 w 12192000"/>
                <a:gd name="connsiteY142" fmla="*/ 441046 h 757168"/>
                <a:gd name="connsiteX143" fmla="*/ 4577594 w 12192000"/>
                <a:gd name="connsiteY143" fmla="*/ 459290 h 757168"/>
                <a:gd name="connsiteX144" fmla="*/ 4500826 w 12192000"/>
                <a:gd name="connsiteY144" fmla="*/ 470529 h 757168"/>
                <a:gd name="connsiteX145" fmla="*/ 4317973 w 12192000"/>
                <a:gd name="connsiteY145" fmla="*/ 483649 h 757168"/>
                <a:gd name="connsiteX146" fmla="*/ 4166722 w 12192000"/>
                <a:gd name="connsiteY146" fmla="*/ 490602 h 757168"/>
                <a:gd name="connsiteX147" fmla="*/ 4042814 w 12192000"/>
                <a:gd name="connsiteY147" fmla="*/ 530660 h 757168"/>
                <a:gd name="connsiteX148" fmla="*/ 4002653 w 12192000"/>
                <a:gd name="connsiteY148" fmla="*/ 552594 h 757168"/>
                <a:gd name="connsiteX149" fmla="*/ 3969549 w 12192000"/>
                <a:gd name="connsiteY149" fmla="*/ 566312 h 757168"/>
                <a:gd name="connsiteX150" fmla="*/ 3821685 w 12192000"/>
                <a:gd name="connsiteY150" fmla="*/ 649183 h 757168"/>
                <a:gd name="connsiteX151" fmla="*/ 3805138 w 12192000"/>
                <a:gd name="connsiteY151" fmla="*/ 655947 h 757168"/>
                <a:gd name="connsiteX152" fmla="*/ 3609177 w 12192000"/>
                <a:gd name="connsiteY152" fmla="*/ 687459 h 757168"/>
                <a:gd name="connsiteX153" fmla="*/ 3539727 w 12192000"/>
                <a:gd name="connsiteY153" fmla="*/ 706521 h 757168"/>
                <a:gd name="connsiteX154" fmla="*/ 3396572 w 12192000"/>
                <a:gd name="connsiteY154" fmla="*/ 755681 h 757168"/>
                <a:gd name="connsiteX155" fmla="*/ 3341054 w 12192000"/>
                <a:gd name="connsiteY155" fmla="*/ 754679 h 757168"/>
                <a:gd name="connsiteX156" fmla="*/ 3138775 w 12192000"/>
                <a:gd name="connsiteY156" fmla="*/ 710120 h 757168"/>
                <a:gd name="connsiteX157" fmla="*/ 3037283 w 12192000"/>
                <a:gd name="connsiteY157" fmla="*/ 666453 h 757168"/>
                <a:gd name="connsiteX158" fmla="*/ 3002117 w 12192000"/>
                <a:gd name="connsiteY158" fmla="*/ 649347 h 757168"/>
                <a:gd name="connsiteX159" fmla="*/ 2747294 w 12192000"/>
                <a:gd name="connsiteY159" fmla="*/ 652400 h 757168"/>
                <a:gd name="connsiteX160" fmla="*/ 2676273 w 12192000"/>
                <a:gd name="connsiteY160" fmla="*/ 652304 h 757168"/>
                <a:gd name="connsiteX161" fmla="*/ 2432360 w 12192000"/>
                <a:gd name="connsiteY161" fmla="*/ 657836 h 757168"/>
                <a:gd name="connsiteX162" fmla="*/ 2382311 w 12192000"/>
                <a:gd name="connsiteY162" fmla="*/ 650824 h 757168"/>
                <a:gd name="connsiteX163" fmla="*/ 2055134 w 12192000"/>
                <a:gd name="connsiteY163" fmla="*/ 630053 h 757168"/>
                <a:gd name="connsiteX164" fmla="*/ 2031829 w 12192000"/>
                <a:gd name="connsiteY164" fmla="*/ 639324 h 757168"/>
                <a:gd name="connsiteX165" fmla="*/ 1912764 w 12192000"/>
                <a:gd name="connsiteY165" fmla="*/ 664183 h 757168"/>
                <a:gd name="connsiteX166" fmla="*/ 1755637 w 12192000"/>
                <a:gd name="connsiteY166" fmla="*/ 663960 h 757168"/>
                <a:gd name="connsiteX167" fmla="*/ 1727159 w 12192000"/>
                <a:gd name="connsiteY167" fmla="*/ 659605 h 757168"/>
                <a:gd name="connsiteX168" fmla="*/ 1622470 w 12192000"/>
                <a:gd name="connsiteY168" fmla="*/ 634850 h 757168"/>
                <a:gd name="connsiteX169" fmla="*/ 1385955 w 12192000"/>
                <a:gd name="connsiteY169" fmla="*/ 604522 h 757168"/>
                <a:gd name="connsiteX170" fmla="*/ 1340055 w 12192000"/>
                <a:gd name="connsiteY170" fmla="*/ 595629 h 757168"/>
                <a:gd name="connsiteX171" fmla="*/ 1257271 w 12192000"/>
                <a:gd name="connsiteY171" fmla="*/ 581180 h 757168"/>
                <a:gd name="connsiteX172" fmla="*/ 1031914 w 12192000"/>
                <a:gd name="connsiteY172" fmla="*/ 562692 h 757168"/>
                <a:gd name="connsiteX173" fmla="*/ 922031 w 12192000"/>
                <a:gd name="connsiteY173" fmla="*/ 566853 h 757168"/>
                <a:gd name="connsiteX174" fmla="*/ 873250 w 12192000"/>
                <a:gd name="connsiteY174" fmla="*/ 563724 h 757168"/>
                <a:gd name="connsiteX175" fmla="*/ 711627 w 12192000"/>
                <a:gd name="connsiteY175" fmla="*/ 529880 h 757168"/>
                <a:gd name="connsiteX176" fmla="*/ 311112 w 12192000"/>
                <a:gd name="connsiteY176" fmla="*/ 525106 h 757168"/>
                <a:gd name="connsiteX177" fmla="*/ 184145 w 12192000"/>
                <a:gd name="connsiteY177" fmla="*/ 532188 h 757168"/>
                <a:gd name="connsiteX178" fmla="*/ 116886 w 12192000"/>
                <a:gd name="connsiteY178" fmla="*/ 530572 h 757168"/>
                <a:gd name="connsiteX179" fmla="*/ 23941 w 12192000"/>
                <a:gd name="connsiteY179" fmla="*/ 506433 h 757168"/>
                <a:gd name="connsiteX180" fmla="*/ 0 w 12192000"/>
                <a:gd name="connsiteY180" fmla="*/ 502149 h 757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Lst>
              <a:rect l="l" t="t" r="r" b="b"/>
              <a:pathLst>
                <a:path w="12192000" h="757168">
                  <a:moveTo>
                    <a:pt x="0" y="0"/>
                  </a:moveTo>
                  <a:lnTo>
                    <a:pt x="41653" y="6945"/>
                  </a:lnTo>
                  <a:cubicBezTo>
                    <a:pt x="55151" y="9178"/>
                    <a:pt x="68996" y="11810"/>
                    <a:pt x="81317" y="15509"/>
                  </a:cubicBezTo>
                  <a:cubicBezTo>
                    <a:pt x="92911" y="18978"/>
                    <a:pt x="102562" y="24446"/>
                    <a:pt x="114150" y="28105"/>
                  </a:cubicBezTo>
                  <a:cubicBezTo>
                    <a:pt x="145644" y="37958"/>
                    <a:pt x="177914" y="47281"/>
                    <a:pt x="214865" y="58374"/>
                  </a:cubicBezTo>
                  <a:cubicBezTo>
                    <a:pt x="236680" y="42349"/>
                    <a:pt x="264438" y="53534"/>
                    <a:pt x="299237" y="63560"/>
                  </a:cubicBezTo>
                  <a:cubicBezTo>
                    <a:pt x="334763" y="73816"/>
                    <a:pt x="376093" y="78654"/>
                    <a:pt x="415570" y="83774"/>
                  </a:cubicBezTo>
                  <a:cubicBezTo>
                    <a:pt x="487949" y="93100"/>
                    <a:pt x="560804" y="100354"/>
                    <a:pt x="633210" y="109108"/>
                  </a:cubicBezTo>
                  <a:cubicBezTo>
                    <a:pt x="648566" y="111058"/>
                    <a:pt x="666073" y="114072"/>
                    <a:pt x="677567" y="119446"/>
                  </a:cubicBezTo>
                  <a:cubicBezTo>
                    <a:pt x="756262" y="155621"/>
                    <a:pt x="853422" y="169678"/>
                    <a:pt x="946429" y="171502"/>
                  </a:cubicBezTo>
                  <a:cubicBezTo>
                    <a:pt x="1019582" y="173044"/>
                    <a:pt x="1091239" y="175083"/>
                    <a:pt x="1163367" y="182106"/>
                  </a:cubicBezTo>
                  <a:cubicBezTo>
                    <a:pt x="1168863" y="182586"/>
                    <a:pt x="1176224" y="182589"/>
                    <a:pt x="1180337" y="181279"/>
                  </a:cubicBezTo>
                  <a:cubicBezTo>
                    <a:pt x="1205822" y="172503"/>
                    <a:pt x="1231920" y="173109"/>
                    <a:pt x="1263939" y="173070"/>
                  </a:cubicBezTo>
                  <a:cubicBezTo>
                    <a:pt x="1309211" y="172961"/>
                    <a:pt x="1350592" y="176848"/>
                    <a:pt x="1392213" y="183225"/>
                  </a:cubicBezTo>
                  <a:cubicBezTo>
                    <a:pt x="1422516" y="187866"/>
                    <a:pt x="1453010" y="195759"/>
                    <a:pt x="1479752" y="205174"/>
                  </a:cubicBezTo>
                  <a:cubicBezTo>
                    <a:pt x="1516962" y="218381"/>
                    <a:pt x="1553071" y="224660"/>
                    <a:pt x="1589813" y="211706"/>
                  </a:cubicBezTo>
                  <a:cubicBezTo>
                    <a:pt x="1629541" y="197953"/>
                    <a:pt x="1673292" y="205778"/>
                    <a:pt x="1716264" y="207459"/>
                  </a:cubicBezTo>
                  <a:cubicBezTo>
                    <a:pt x="1734988" y="208248"/>
                    <a:pt x="1754789" y="209668"/>
                    <a:pt x="1772900" y="208137"/>
                  </a:cubicBezTo>
                  <a:cubicBezTo>
                    <a:pt x="1825381" y="203828"/>
                    <a:pt x="1876222" y="195808"/>
                    <a:pt x="1929319" y="193822"/>
                  </a:cubicBezTo>
                  <a:cubicBezTo>
                    <a:pt x="1958819" y="192698"/>
                    <a:pt x="1991232" y="199166"/>
                    <a:pt x="2021514" y="204186"/>
                  </a:cubicBezTo>
                  <a:cubicBezTo>
                    <a:pt x="2052154" y="209417"/>
                    <a:pt x="2082323" y="216530"/>
                    <a:pt x="2111753" y="223797"/>
                  </a:cubicBezTo>
                  <a:cubicBezTo>
                    <a:pt x="2131736" y="228659"/>
                    <a:pt x="2153567" y="233429"/>
                    <a:pt x="2169356" y="241125"/>
                  </a:cubicBezTo>
                  <a:cubicBezTo>
                    <a:pt x="2205243" y="258649"/>
                    <a:pt x="2242901" y="263295"/>
                    <a:pt x="2286638" y="257382"/>
                  </a:cubicBezTo>
                  <a:cubicBezTo>
                    <a:pt x="2293313" y="256396"/>
                    <a:pt x="2301018" y="256799"/>
                    <a:pt x="2308368" y="256995"/>
                  </a:cubicBezTo>
                  <a:cubicBezTo>
                    <a:pt x="2426026" y="259155"/>
                    <a:pt x="2543593" y="262834"/>
                    <a:pt x="2660621" y="262863"/>
                  </a:cubicBezTo>
                  <a:cubicBezTo>
                    <a:pt x="2708088" y="262871"/>
                    <a:pt x="2754165" y="254412"/>
                    <a:pt x="2801134" y="250006"/>
                  </a:cubicBezTo>
                  <a:cubicBezTo>
                    <a:pt x="2810748" y="249174"/>
                    <a:pt x="2821504" y="247638"/>
                    <a:pt x="2830994" y="249091"/>
                  </a:cubicBezTo>
                  <a:cubicBezTo>
                    <a:pt x="2934354" y="264045"/>
                    <a:pt x="3032340" y="255254"/>
                    <a:pt x="3129084" y="242009"/>
                  </a:cubicBezTo>
                  <a:cubicBezTo>
                    <a:pt x="3139090" y="240625"/>
                    <a:pt x="3151170" y="241831"/>
                    <a:pt x="3162162" y="242789"/>
                  </a:cubicBezTo>
                  <a:cubicBezTo>
                    <a:pt x="3192925" y="245736"/>
                    <a:pt x="3225969" y="254145"/>
                    <a:pt x="3254072" y="251612"/>
                  </a:cubicBezTo>
                  <a:cubicBezTo>
                    <a:pt x="3328782" y="244461"/>
                    <a:pt x="3402881" y="234992"/>
                    <a:pt x="3473491" y="221903"/>
                  </a:cubicBezTo>
                  <a:cubicBezTo>
                    <a:pt x="3545212" y="208683"/>
                    <a:pt x="3611651" y="197856"/>
                    <a:pt x="3691860" y="219228"/>
                  </a:cubicBezTo>
                  <a:cubicBezTo>
                    <a:pt x="3725977" y="228268"/>
                    <a:pt x="3771754" y="225515"/>
                    <a:pt x="3811494" y="225691"/>
                  </a:cubicBezTo>
                  <a:cubicBezTo>
                    <a:pt x="3840564" y="225687"/>
                    <a:pt x="3868906" y="218586"/>
                    <a:pt x="3897533" y="220087"/>
                  </a:cubicBezTo>
                  <a:cubicBezTo>
                    <a:pt x="3973874" y="224087"/>
                    <a:pt x="4042293" y="217563"/>
                    <a:pt x="4109430" y="200477"/>
                  </a:cubicBezTo>
                  <a:cubicBezTo>
                    <a:pt x="4135544" y="193834"/>
                    <a:pt x="4175268" y="201258"/>
                    <a:pt x="4208772" y="200914"/>
                  </a:cubicBezTo>
                  <a:cubicBezTo>
                    <a:pt x="4244136" y="200288"/>
                    <a:pt x="4280583" y="199908"/>
                    <a:pt x="4314641" y="196159"/>
                  </a:cubicBezTo>
                  <a:cubicBezTo>
                    <a:pt x="4402743" y="186278"/>
                    <a:pt x="4489848" y="174436"/>
                    <a:pt x="4577622" y="163774"/>
                  </a:cubicBezTo>
                  <a:cubicBezTo>
                    <a:pt x="4649843" y="154967"/>
                    <a:pt x="4719794" y="168553"/>
                    <a:pt x="4790345" y="177592"/>
                  </a:cubicBezTo>
                  <a:cubicBezTo>
                    <a:pt x="4834576" y="183345"/>
                    <a:pt x="4875614" y="193701"/>
                    <a:pt x="4926164" y="184139"/>
                  </a:cubicBezTo>
                  <a:cubicBezTo>
                    <a:pt x="4974485" y="175032"/>
                    <a:pt x="5034899" y="180870"/>
                    <a:pt x="5088812" y="177401"/>
                  </a:cubicBezTo>
                  <a:cubicBezTo>
                    <a:pt x="5134238" y="174439"/>
                    <a:pt x="5178353" y="168165"/>
                    <a:pt x="5222466" y="162082"/>
                  </a:cubicBezTo>
                  <a:cubicBezTo>
                    <a:pt x="5282519" y="153783"/>
                    <a:pt x="5341864" y="144876"/>
                    <a:pt x="5406528" y="153987"/>
                  </a:cubicBezTo>
                  <a:cubicBezTo>
                    <a:pt x="5479960" y="164323"/>
                    <a:pt x="5531876" y="142624"/>
                    <a:pt x="5590716" y="129490"/>
                  </a:cubicBezTo>
                  <a:cubicBezTo>
                    <a:pt x="5631296" y="120553"/>
                    <a:pt x="5675395" y="114659"/>
                    <a:pt x="5719429" y="110099"/>
                  </a:cubicBezTo>
                  <a:cubicBezTo>
                    <a:pt x="5778247" y="104215"/>
                    <a:pt x="5838715" y="102042"/>
                    <a:pt x="5897895" y="96368"/>
                  </a:cubicBezTo>
                  <a:cubicBezTo>
                    <a:pt x="5987399" y="87895"/>
                    <a:pt x="6077855" y="82333"/>
                    <a:pt x="6169957" y="94411"/>
                  </a:cubicBezTo>
                  <a:cubicBezTo>
                    <a:pt x="6212360" y="99875"/>
                    <a:pt x="6252010" y="101763"/>
                    <a:pt x="6294827" y="99236"/>
                  </a:cubicBezTo>
                  <a:cubicBezTo>
                    <a:pt x="6364965" y="95091"/>
                    <a:pt x="6436581" y="97891"/>
                    <a:pt x="6494261" y="71724"/>
                  </a:cubicBezTo>
                  <a:cubicBezTo>
                    <a:pt x="6514615" y="62488"/>
                    <a:pt x="6550354" y="61691"/>
                    <a:pt x="6579627" y="57883"/>
                  </a:cubicBezTo>
                  <a:cubicBezTo>
                    <a:pt x="6613354" y="53353"/>
                    <a:pt x="6637770" y="57878"/>
                    <a:pt x="6654800" y="77086"/>
                  </a:cubicBezTo>
                  <a:cubicBezTo>
                    <a:pt x="6662444" y="85688"/>
                    <a:pt x="6685147" y="94892"/>
                    <a:pt x="6703059" y="97166"/>
                  </a:cubicBezTo>
                  <a:cubicBezTo>
                    <a:pt x="6756799" y="103989"/>
                    <a:pt x="6806654" y="100687"/>
                    <a:pt x="6859445" y="90481"/>
                  </a:cubicBezTo>
                  <a:cubicBezTo>
                    <a:pt x="6908894" y="80861"/>
                    <a:pt x="6969747" y="85387"/>
                    <a:pt x="7025414" y="83536"/>
                  </a:cubicBezTo>
                  <a:cubicBezTo>
                    <a:pt x="7064862" y="82168"/>
                    <a:pt x="7104501" y="77186"/>
                    <a:pt x="7144137" y="79264"/>
                  </a:cubicBezTo>
                  <a:cubicBezTo>
                    <a:pt x="7193316" y="81841"/>
                    <a:pt x="7241809" y="90488"/>
                    <a:pt x="7291235" y="95367"/>
                  </a:cubicBezTo>
                  <a:cubicBezTo>
                    <a:pt x="7329668" y="99288"/>
                    <a:pt x="7368978" y="100585"/>
                    <a:pt x="7407395" y="104888"/>
                  </a:cubicBezTo>
                  <a:cubicBezTo>
                    <a:pt x="7438868" y="108256"/>
                    <a:pt x="7469832" y="114265"/>
                    <a:pt x="7500837" y="119515"/>
                  </a:cubicBezTo>
                  <a:cubicBezTo>
                    <a:pt x="7512146" y="121444"/>
                    <a:pt x="7523255" y="127178"/>
                    <a:pt x="7533567" y="126955"/>
                  </a:cubicBezTo>
                  <a:cubicBezTo>
                    <a:pt x="7636025" y="124121"/>
                    <a:pt x="7707510" y="164497"/>
                    <a:pt x="7792910" y="185188"/>
                  </a:cubicBezTo>
                  <a:cubicBezTo>
                    <a:pt x="7882663" y="207063"/>
                    <a:pt x="7969001" y="237914"/>
                    <a:pt x="8070699" y="235423"/>
                  </a:cubicBezTo>
                  <a:cubicBezTo>
                    <a:pt x="8132239" y="233879"/>
                    <a:pt x="8191903" y="225939"/>
                    <a:pt x="8253177" y="222473"/>
                  </a:cubicBezTo>
                  <a:cubicBezTo>
                    <a:pt x="8274949" y="221324"/>
                    <a:pt x="8299150" y="222976"/>
                    <a:pt x="8320683" y="226393"/>
                  </a:cubicBezTo>
                  <a:cubicBezTo>
                    <a:pt x="8424731" y="242340"/>
                    <a:pt x="8527777" y="249266"/>
                    <a:pt x="8631438" y="237528"/>
                  </a:cubicBezTo>
                  <a:cubicBezTo>
                    <a:pt x="8649201" y="235596"/>
                    <a:pt x="8668058" y="233915"/>
                    <a:pt x="8686410" y="234877"/>
                  </a:cubicBezTo>
                  <a:cubicBezTo>
                    <a:pt x="8786966" y="240146"/>
                    <a:pt x="8885480" y="249315"/>
                    <a:pt x="8980658" y="273001"/>
                  </a:cubicBezTo>
                  <a:cubicBezTo>
                    <a:pt x="9012626" y="280972"/>
                    <a:pt x="9052108" y="279035"/>
                    <a:pt x="9087625" y="282423"/>
                  </a:cubicBezTo>
                  <a:cubicBezTo>
                    <a:pt x="9120583" y="285484"/>
                    <a:pt x="9154319" y="287825"/>
                    <a:pt x="9186017" y="293875"/>
                  </a:cubicBezTo>
                  <a:cubicBezTo>
                    <a:pt x="9232288" y="302785"/>
                    <a:pt x="9275554" y="305815"/>
                    <a:pt x="9323931" y="302628"/>
                  </a:cubicBezTo>
                  <a:cubicBezTo>
                    <a:pt x="9370084" y="299705"/>
                    <a:pt x="9419491" y="304964"/>
                    <a:pt x="9467213" y="307275"/>
                  </a:cubicBezTo>
                  <a:cubicBezTo>
                    <a:pt x="9520438" y="309874"/>
                    <a:pt x="9573661" y="312473"/>
                    <a:pt x="9626826" y="316213"/>
                  </a:cubicBezTo>
                  <a:cubicBezTo>
                    <a:pt x="9648094" y="317708"/>
                    <a:pt x="9671915" y="326588"/>
                    <a:pt x="9689696" y="324467"/>
                  </a:cubicBezTo>
                  <a:cubicBezTo>
                    <a:pt x="9747117" y="317175"/>
                    <a:pt x="9803355" y="332523"/>
                    <a:pt x="9860526" y="329986"/>
                  </a:cubicBezTo>
                  <a:cubicBezTo>
                    <a:pt x="9888572" y="328594"/>
                    <a:pt x="9919723" y="338048"/>
                    <a:pt x="9949775" y="340386"/>
                  </a:cubicBezTo>
                  <a:cubicBezTo>
                    <a:pt x="9998886" y="344296"/>
                    <a:pt x="10048092" y="346302"/>
                    <a:pt x="10097252" y="349262"/>
                  </a:cubicBezTo>
                  <a:cubicBezTo>
                    <a:pt x="10113390" y="350297"/>
                    <a:pt x="10129133" y="351886"/>
                    <a:pt x="10145261" y="353113"/>
                  </a:cubicBezTo>
                  <a:cubicBezTo>
                    <a:pt x="10159555" y="354243"/>
                    <a:pt x="10174512" y="356743"/>
                    <a:pt x="10188159" y="356124"/>
                  </a:cubicBezTo>
                  <a:cubicBezTo>
                    <a:pt x="10237589" y="353944"/>
                    <a:pt x="10286441" y="348682"/>
                    <a:pt x="10336144" y="348235"/>
                  </a:cubicBezTo>
                  <a:cubicBezTo>
                    <a:pt x="10379222" y="347822"/>
                    <a:pt x="10423443" y="353764"/>
                    <a:pt x="10466847" y="354131"/>
                  </a:cubicBezTo>
                  <a:cubicBezTo>
                    <a:pt x="10543353" y="354898"/>
                    <a:pt x="10619988" y="353190"/>
                    <a:pt x="10696514" y="353575"/>
                  </a:cubicBezTo>
                  <a:cubicBezTo>
                    <a:pt x="10713071" y="353680"/>
                    <a:pt x="10730069" y="359342"/>
                    <a:pt x="10746932" y="360606"/>
                  </a:cubicBezTo>
                  <a:cubicBezTo>
                    <a:pt x="10799731" y="364326"/>
                    <a:pt x="10852569" y="367289"/>
                    <a:pt x="10905388" y="370627"/>
                  </a:cubicBezTo>
                  <a:cubicBezTo>
                    <a:pt x="10935470" y="372396"/>
                    <a:pt x="10965963" y="373421"/>
                    <a:pt x="10995602" y="376691"/>
                  </a:cubicBezTo>
                  <a:cubicBezTo>
                    <a:pt x="11034750" y="381032"/>
                    <a:pt x="11070168" y="386324"/>
                    <a:pt x="11107647" y="373405"/>
                  </a:cubicBezTo>
                  <a:cubicBezTo>
                    <a:pt x="11165372" y="353347"/>
                    <a:pt x="11236837" y="366060"/>
                    <a:pt x="11302440" y="364156"/>
                  </a:cubicBezTo>
                  <a:cubicBezTo>
                    <a:pt x="11319394" y="363708"/>
                    <a:pt x="11336655" y="364422"/>
                    <a:pt x="11353613" y="363785"/>
                  </a:cubicBezTo>
                  <a:cubicBezTo>
                    <a:pt x="11384961" y="362566"/>
                    <a:pt x="11415955" y="360947"/>
                    <a:pt x="11447323" y="359346"/>
                  </a:cubicBezTo>
                  <a:cubicBezTo>
                    <a:pt x="11452855" y="359066"/>
                    <a:pt x="11459104" y="359200"/>
                    <a:pt x="11464292" y="358519"/>
                  </a:cubicBezTo>
                  <a:cubicBezTo>
                    <a:pt x="11512058" y="353010"/>
                    <a:pt x="11559143" y="346321"/>
                    <a:pt x="11607560" y="342370"/>
                  </a:cubicBezTo>
                  <a:cubicBezTo>
                    <a:pt x="11631218" y="340368"/>
                    <a:pt x="11657295" y="341352"/>
                    <a:pt x="11681426" y="344335"/>
                  </a:cubicBezTo>
                  <a:cubicBezTo>
                    <a:pt x="11751997" y="352993"/>
                    <a:pt x="11821986" y="358760"/>
                    <a:pt x="11893565" y="355261"/>
                  </a:cubicBezTo>
                  <a:cubicBezTo>
                    <a:pt x="11921973" y="353889"/>
                    <a:pt x="11953288" y="360300"/>
                    <a:pt x="11983290" y="363588"/>
                  </a:cubicBezTo>
                  <a:lnTo>
                    <a:pt x="12192000" y="388018"/>
                  </a:lnTo>
                  <a:lnTo>
                    <a:pt x="12192000" y="577115"/>
                  </a:lnTo>
                  <a:lnTo>
                    <a:pt x="12157329" y="588862"/>
                  </a:lnTo>
                  <a:cubicBezTo>
                    <a:pt x="12118393" y="608572"/>
                    <a:pt x="12109715" y="605637"/>
                    <a:pt x="12066948" y="586034"/>
                  </a:cubicBezTo>
                  <a:cubicBezTo>
                    <a:pt x="12016991" y="563193"/>
                    <a:pt x="11965119" y="541779"/>
                    <a:pt x="11911344" y="521599"/>
                  </a:cubicBezTo>
                  <a:cubicBezTo>
                    <a:pt x="11894383" y="515178"/>
                    <a:pt x="11869417" y="514060"/>
                    <a:pt x="11847823" y="511785"/>
                  </a:cubicBezTo>
                  <a:cubicBezTo>
                    <a:pt x="11811233" y="507768"/>
                    <a:pt x="11773630" y="501982"/>
                    <a:pt x="11737547" y="502380"/>
                  </a:cubicBezTo>
                  <a:cubicBezTo>
                    <a:pt x="11702930" y="502855"/>
                    <a:pt x="11668388" y="508866"/>
                    <a:pt x="11636052" y="514993"/>
                  </a:cubicBezTo>
                  <a:cubicBezTo>
                    <a:pt x="11545722" y="532199"/>
                    <a:pt x="11462455" y="555118"/>
                    <a:pt x="11394706" y="590867"/>
                  </a:cubicBezTo>
                  <a:cubicBezTo>
                    <a:pt x="11385999" y="595562"/>
                    <a:pt x="11369016" y="596581"/>
                    <a:pt x="11354978" y="597561"/>
                  </a:cubicBezTo>
                  <a:cubicBezTo>
                    <a:pt x="11332076" y="599224"/>
                    <a:pt x="11308448" y="600655"/>
                    <a:pt x="11285306" y="599825"/>
                  </a:cubicBezTo>
                  <a:cubicBezTo>
                    <a:pt x="11172906" y="595841"/>
                    <a:pt x="11083430" y="617861"/>
                    <a:pt x="11008528" y="656670"/>
                  </a:cubicBezTo>
                  <a:cubicBezTo>
                    <a:pt x="10986971" y="667750"/>
                    <a:pt x="10970753" y="668236"/>
                    <a:pt x="10948735" y="652964"/>
                  </a:cubicBezTo>
                  <a:cubicBezTo>
                    <a:pt x="10923173" y="635218"/>
                    <a:pt x="10885031" y="639705"/>
                    <a:pt x="10850698" y="641721"/>
                  </a:cubicBezTo>
                  <a:cubicBezTo>
                    <a:pt x="10815269" y="643680"/>
                    <a:pt x="10779458" y="645811"/>
                    <a:pt x="10744026" y="647769"/>
                  </a:cubicBezTo>
                  <a:cubicBezTo>
                    <a:pt x="10717832" y="649066"/>
                    <a:pt x="10692021" y="650003"/>
                    <a:pt x="10666160" y="651891"/>
                  </a:cubicBezTo>
                  <a:cubicBezTo>
                    <a:pt x="10585627" y="657783"/>
                    <a:pt x="10513854" y="650969"/>
                    <a:pt x="10450521" y="616552"/>
                  </a:cubicBezTo>
                  <a:cubicBezTo>
                    <a:pt x="10402221" y="590175"/>
                    <a:pt x="10339099" y="579806"/>
                    <a:pt x="10271192" y="583498"/>
                  </a:cubicBezTo>
                  <a:cubicBezTo>
                    <a:pt x="10262701" y="584006"/>
                    <a:pt x="10251859" y="587254"/>
                    <a:pt x="10246067" y="585423"/>
                  </a:cubicBezTo>
                  <a:cubicBezTo>
                    <a:pt x="10158786" y="558528"/>
                    <a:pt x="10086634" y="594049"/>
                    <a:pt x="10005027" y="592252"/>
                  </a:cubicBezTo>
                  <a:cubicBezTo>
                    <a:pt x="9969004" y="591507"/>
                    <a:pt x="9931565" y="603664"/>
                    <a:pt x="9898681" y="613195"/>
                  </a:cubicBezTo>
                  <a:cubicBezTo>
                    <a:pt x="9853463" y="626281"/>
                    <a:pt x="9813049" y="639042"/>
                    <a:pt x="9753225" y="629038"/>
                  </a:cubicBezTo>
                  <a:cubicBezTo>
                    <a:pt x="9693404" y="618845"/>
                    <a:pt x="9637675" y="628898"/>
                    <a:pt x="9591376" y="648601"/>
                  </a:cubicBezTo>
                  <a:cubicBezTo>
                    <a:pt x="9556001" y="663537"/>
                    <a:pt x="9518120" y="663077"/>
                    <a:pt x="9472860" y="655936"/>
                  </a:cubicBezTo>
                  <a:cubicBezTo>
                    <a:pt x="9416283" y="647056"/>
                    <a:pt x="9357217" y="643578"/>
                    <a:pt x="9299788" y="636945"/>
                  </a:cubicBezTo>
                  <a:cubicBezTo>
                    <a:pt x="9287347" y="635531"/>
                    <a:pt x="9271710" y="632039"/>
                    <a:pt x="9264605" y="627087"/>
                  </a:cubicBezTo>
                  <a:cubicBezTo>
                    <a:pt x="9177661" y="565680"/>
                    <a:pt x="9051076" y="558473"/>
                    <a:pt x="8926435" y="549269"/>
                  </a:cubicBezTo>
                  <a:cubicBezTo>
                    <a:pt x="8850925" y="543595"/>
                    <a:pt x="8774954" y="539613"/>
                    <a:pt x="8698934" y="536583"/>
                  </a:cubicBezTo>
                  <a:cubicBezTo>
                    <a:pt x="8673232" y="535428"/>
                    <a:pt x="8645916" y="537050"/>
                    <a:pt x="8622862" y="541563"/>
                  </a:cubicBezTo>
                  <a:cubicBezTo>
                    <a:pt x="8574890" y="551069"/>
                    <a:pt x="8530403" y="564380"/>
                    <a:pt x="8482784" y="574094"/>
                  </a:cubicBezTo>
                  <a:cubicBezTo>
                    <a:pt x="8464923" y="577929"/>
                    <a:pt x="8442157" y="576927"/>
                    <a:pt x="8421565" y="576610"/>
                  </a:cubicBezTo>
                  <a:cubicBezTo>
                    <a:pt x="8385152" y="576229"/>
                    <a:pt x="8345023" y="569546"/>
                    <a:pt x="8313469" y="574762"/>
                  </a:cubicBezTo>
                  <a:cubicBezTo>
                    <a:pt x="8231431" y="588203"/>
                    <a:pt x="8155671" y="580227"/>
                    <a:pt x="8079520" y="558685"/>
                  </a:cubicBezTo>
                  <a:cubicBezTo>
                    <a:pt x="7972906" y="528487"/>
                    <a:pt x="7870782" y="525043"/>
                    <a:pt x="7773327" y="558854"/>
                  </a:cubicBezTo>
                  <a:cubicBezTo>
                    <a:pt x="7729470" y="574107"/>
                    <a:pt x="7688069" y="563543"/>
                    <a:pt x="7652477" y="547561"/>
                  </a:cubicBezTo>
                  <a:cubicBezTo>
                    <a:pt x="7611494" y="529005"/>
                    <a:pt x="7570974" y="522685"/>
                    <a:pt x="7522274" y="532150"/>
                  </a:cubicBezTo>
                  <a:cubicBezTo>
                    <a:pt x="7511488" y="534257"/>
                    <a:pt x="7496511" y="532136"/>
                    <a:pt x="7484080" y="530532"/>
                  </a:cubicBezTo>
                  <a:cubicBezTo>
                    <a:pt x="7413133" y="522044"/>
                    <a:pt x="7341987" y="510303"/>
                    <a:pt x="7282277" y="540177"/>
                  </a:cubicBezTo>
                  <a:cubicBezTo>
                    <a:pt x="7270558" y="546051"/>
                    <a:pt x="7251336" y="547713"/>
                    <a:pt x="7235690" y="551282"/>
                  </a:cubicBezTo>
                  <a:cubicBezTo>
                    <a:pt x="7170161" y="565782"/>
                    <a:pt x="7172820" y="564203"/>
                    <a:pt x="7116339" y="539494"/>
                  </a:cubicBezTo>
                  <a:cubicBezTo>
                    <a:pt x="7086841" y="526502"/>
                    <a:pt x="7045980" y="512724"/>
                    <a:pt x="7011067" y="511848"/>
                  </a:cubicBezTo>
                  <a:cubicBezTo>
                    <a:pt x="6800473" y="506533"/>
                    <a:pt x="6601893" y="468653"/>
                    <a:pt x="6403234" y="432296"/>
                  </a:cubicBezTo>
                  <a:cubicBezTo>
                    <a:pt x="6280760" y="409851"/>
                    <a:pt x="6160432" y="402592"/>
                    <a:pt x="6036273" y="412301"/>
                  </a:cubicBezTo>
                  <a:cubicBezTo>
                    <a:pt x="5946471" y="419425"/>
                    <a:pt x="5863077" y="395593"/>
                    <a:pt x="5780467" y="377910"/>
                  </a:cubicBezTo>
                  <a:cubicBezTo>
                    <a:pt x="5763357" y="374343"/>
                    <a:pt x="5747757" y="363033"/>
                    <a:pt x="5739051" y="353609"/>
                  </a:cubicBezTo>
                  <a:cubicBezTo>
                    <a:pt x="5707675" y="320294"/>
                    <a:pt x="5653252" y="312483"/>
                    <a:pt x="5583566" y="321995"/>
                  </a:cubicBezTo>
                  <a:cubicBezTo>
                    <a:pt x="5528347" y="329404"/>
                    <a:pt x="5477716" y="340486"/>
                    <a:pt x="5432030" y="362512"/>
                  </a:cubicBezTo>
                  <a:cubicBezTo>
                    <a:pt x="5378421" y="388318"/>
                    <a:pt x="5322767" y="418026"/>
                    <a:pt x="5241398" y="425781"/>
                  </a:cubicBezTo>
                  <a:cubicBezTo>
                    <a:pt x="5206262" y="429089"/>
                    <a:pt x="5176131" y="428273"/>
                    <a:pt x="5139710" y="421022"/>
                  </a:cubicBezTo>
                  <a:cubicBezTo>
                    <a:pt x="5069048" y="407018"/>
                    <a:pt x="4997864" y="396037"/>
                    <a:pt x="4929402" y="424310"/>
                  </a:cubicBezTo>
                  <a:cubicBezTo>
                    <a:pt x="4891785" y="439890"/>
                    <a:pt x="4841650" y="448519"/>
                    <a:pt x="4782793" y="441046"/>
                  </a:cubicBezTo>
                  <a:cubicBezTo>
                    <a:pt x="4709316" y="431663"/>
                    <a:pt x="4641426" y="442031"/>
                    <a:pt x="4577594" y="459290"/>
                  </a:cubicBezTo>
                  <a:cubicBezTo>
                    <a:pt x="4554816" y="465538"/>
                    <a:pt x="4527069" y="468279"/>
                    <a:pt x="4500826" y="470529"/>
                  </a:cubicBezTo>
                  <a:cubicBezTo>
                    <a:pt x="4440199" y="475746"/>
                    <a:pt x="4379252" y="479993"/>
                    <a:pt x="4317973" y="483649"/>
                  </a:cubicBezTo>
                  <a:cubicBezTo>
                    <a:pt x="4267762" y="486741"/>
                    <a:pt x="4217264" y="488292"/>
                    <a:pt x="4166722" y="490602"/>
                  </a:cubicBezTo>
                  <a:cubicBezTo>
                    <a:pt x="4111394" y="493045"/>
                    <a:pt x="4067073" y="503124"/>
                    <a:pt x="4042814" y="530660"/>
                  </a:cubicBezTo>
                  <a:cubicBezTo>
                    <a:pt x="4034996" y="539407"/>
                    <a:pt x="4017001" y="545715"/>
                    <a:pt x="4002653" y="552594"/>
                  </a:cubicBezTo>
                  <a:cubicBezTo>
                    <a:pt x="3992459" y="557592"/>
                    <a:pt x="3979023" y="561086"/>
                    <a:pt x="3969549" y="566312"/>
                  </a:cubicBezTo>
                  <a:cubicBezTo>
                    <a:pt x="3919896" y="593854"/>
                    <a:pt x="3870968" y="621622"/>
                    <a:pt x="3821685" y="649183"/>
                  </a:cubicBezTo>
                  <a:cubicBezTo>
                    <a:pt x="3816761" y="651788"/>
                    <a:pt x="3811445" y="654943"/>
                    <a:pt x="3805138" y="655947"/>
                  </a:cubicBezTo>
                  <a:cubicBezTo>
                    <a:pt x="3739817" y="666451"/>
                    <a:pt x="3673801" y="676154"/>
                    <a:pt x="3609177" y="687459"/>
                  </a:cubicBezTo>
                  <a:cubicBezTo>
                    <a:pt x="3584288" y="691878"/>
                    <a:pt x="3558597" y="697589"/>
                    <a:pt x="3539727" y="706521"/>
                  </a:cubicBezTo>
                  <a:cubicBezTo>
                    <a:pt x="3496714" y="726780"/>
                    <a:pt x="3457268" y="749132"/>
                    <a:pt x="3396572" y="755681"/>
                  </a:cubicBezTo>
                  <a:cubicBezTo>
                    <a:pt x="3378807" y="757611"/>
                    <a:pt x="3357809" y="758036"/>
                    <a:pt x="3341054" y="754679"/>
                  </a:cubicBezTo>
                  <a:cubicBezTo>
                    <a:pt x="3272962" y="740809"/>
                    <a:pt x="3206471" y="724541"/>
                    <a:pt x="3138775" y="710120"/>
                  </a:cubicBezTo>
                  <a:cubicBezTo>
                    <a:pt x="3095820" y="701191"/>
                    <a:pt x="3056969" y="691141"/>
                    <a:pt x="3037283" y="666453"/>
                  </a:cubicBezTo>
                  <a:cubicBezTo>
                    <a:pt x="3031764" y="659487"/>
                    <a:pt x="3015626" y="651391"/>
                    <a:pt x="3002117" y="649347"/>
                  </a:cubicBezTo>
                  <a:cubicBezTo>
                    <a:pt x="2915220" y="636209"/>
                    <a:pt x="2829194" y="627503"/>
                    <a:pt x="2747294" y="652400"/>
                  </a:cubicBezTo>
                  <a:cubicBezTo>
                    <a:pt x="2730084" y="657794"/>
                    <a:pt x="2698519" y="656140"/>
                    <a:pt x="2676273" y="652304"/>
                  </a:cubicBezTo>
                  <a:cubicBezTo>
                    <a:pt x="2590546" y="637890"/>
                    <a:pt x="2508883" y="630176"/>
                    <a:pt x="2432360" y="657836"/>
                  </a:cubicBezTo>
                  <a:cubicBezTo>
                    <a:pt x="2423352" y="661179"/>
                    <a:pt x="2395274" y="656272"/>
                    <a:pt x="2382311" y="650824"/>
                  </a:cubicBezTo>
                  <a:cubicBezTo>
                    <a:pt x="2257393" y="597728"/>
                    <a:pt x="2187724" y="592930"/>
                    <a:pt x="2055134" y="630053"/>
                  </a:cubicBezTo>
                  <a:cubicBezTo>
                    <a:pt x="2046542" y="632464"/>
                    <a:pt x="2035364" y="635121"/>
                    <a:pt x="2031829" y="639324"/>
                  </a:cubicBezTo>
                  <a:cubicBezTo>
                    <a:pt x="2007977" y="666120"/>
                    <a:pt x="1960229" y="664380"/>
                    <a:pt x="1912764" y="664183"/>
                  </a:cubicBezTo>
                  <a:cubicBezTo>
                    <a:pt x="1860521" y="663924"/>
                    <a:pt x="1808236" y="664426"/>
                    <a:pt x="1755637" y="663960"/>
                  </a:cubicBezTo>
                  <a:cubicBezTo>
                    <a:pt x="1746439" y="663859"/>
                    <a:pt x="1736243" y="661799"/>
                    <a:pt x="1727159" y="659605"/>
                  </a:cubicBezTo>
                  <a:cubicBezTo>
                    <a:pt x="1692256" y="651480"/>
                    <a:pt x="1658604" y="640559"/>
                    <a:pt x="1622470" y="634850"/>
                  </a:cubicBezTo>
                  <a:cubicBezTo>
                    <a:pt x="1544362" y="622552"/>
                    <a:pt x="1469248" y="602210"/>
                    <a:pt x="1385955" y="604522"/>
                  </a:cubicBezTo>
                  <a:cubicBezTo>
                    <a:pt x="1371585" y="604913"/>
                    <a:pt x="1355357" y="598530"/>
                    <a:pt x="1340055" y="595629"/>
                  </a:cubicBezTo>
                  <a:cubicBezTo>
                    <a:pt x="1312351" y="590552"/>
                    <a:pt x="1285460" y="583993"/>
                    <a:pt x="1257271" y="581180"/>
                  </a:cubicBezTo>
                  <a:cubicBezTo>
                    <a:pt x="1182583" y="573830"/>
                    <a:pt x="1107142" y="566824"/>
                    <a:pt x="1031914" y="562692"/>
                  </a:cubicBezTo>
                  <a:cubicBezTo>
                    <a:pt x="995593" y="560597"/>
                    <a:pt x="958880" y="565923"/>
                    <a:pt x="922031" y="566853"/>
                  </a:cubicBezTo>
                  <a:cubicBezTo>
                    <a:pt x="905446" y="567320"/>
                    <a:pt x="878533" y="568199"/>
                    <a:pt x="873250" y="563724"/>
                  </a:cubicBezTo>
                  <a:cubicBezTo>
                    <a:pt x="832343" y="529722"/>
                    <a:pt x="772202" y="532674"/>
                    <a:pt x="711627" y="529880"/>
                  </a:cubicBezTo>
                  <a:cubicBezTo>
                    <a:pt x="577999" y="523641"/>
                    <a:pt x="447408" y="543696"/>
                    <a:pt x="311112" y="525106"/>
                  </a:cubicBezTo>
                  <a:cubicBezTo>
                    <a:pt x="271645" y="519795"/>
                    <a:pt x="226936" y="530235"/>
                    <a:pt x="184145" y="532188"/>
                  </a:cubicBezTo>
                  <a:cubicBezTo>
                    <a:pt x="162015" y="533128"/>
                    <a:pt x="137665" y="534333"/>
                    <a:pt x="116886" y="530572"/>
                  </a:cubicBezTo>
                  <a:cubicBezTo>
                    <a:pt x="84810" y="524693"/>
                    <a:pt x="54011" y="515448"/>
                    <a:pt x="23941" y="506433"/>
                  </a:cubicBezTo>
                  <a:lnTo>
                    <a:pt x="0" y="502149"/>
                  </a:lnTo>
                  <a:close/>
                </a:path>
              </a:pathLst>
            </a:custGeom>
            <a:solidFill>
              <a:srgbClr val="FFFFFF"/>
            </a:solidFill>
            <a:ln w="12700" cap="flat" cmpd="sng" algn="ctr">
              <a:noFill/>
              <a:prstDash val="solid"/>
              <a:miter lim="800000"/>
            </a:ln>
            <a:effectLst>
              <a:outerShdw blurRad="381000" dist="152400" dir="5400000" algn="t" rotWithShape="0">
                <a:prstClr val="black">
                  <a:alpha val="1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16" name="Freeform: Shape 15">
              <a:extLst>
                <a:ext uri="{FF2B5EF4-FFF2-40B4-BE49-F238E27FC236}">
                  <a16:creationId xmlns:a16="http://schemas.microsoft.com/office/drawing/2014/main" id="{4EBC51E4-7477-4290-BBD0-18AD942C364F}"/>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0" y="2959818"/>
              <a:ext cx="12192000" cy="757168"/>
            </a:xfrm>
            <a:custGeom>
              <a:avLst/>
              <a:gdLst>
                <a:gd name="connsiteX0" fmla="*/ 0 w 12192000"/>
                <a:gd name="connsiteY0" fmla="*/ 0 h 757168"/>
                <a:gd name="connsiteX1" fmla="*/ 41653 w 12192000"/>
                <a:gd name="connsiteY1" fmla="*/ 6945 h 757168"/>
                <a:gd name="connsiteX2" fmla="*/ 81317 w 12192000"/>
                <a:gd name="connsiteY2" fmla="*/ 15509 h 757168"/>
                <a:gd name="connsiteX3" fmla="*/ 114150 w 12192000"/>
                <a:gd name="connsiteY3" fmla="*/ 28105 h 757168"/>
                <a:gd name="connsiteX4" fmla="*/ 214865 w 12192000"/>
                <a:gd name="connsiteY4" fmla="*/ 58374 h 757168"/>
                <a:gd name="connsiteX5" fmla="*/ 299237 w 12192000"/>
                <a:gd name="connsiteY5" fmla="*/ 63560 h 757168"/>
                <a:gd name="connsiteX6" fmla="*/ 415570 w 12192000"/>
                <a:gd name="connsiteY6" fmla="*/ 83774 h 757168"/>
                <a:gd name="connsiteX7" fmla="*/ 633210 w 12192000"/>
                <a:gd name="connsiteY7" fmla="*/ 109108 h 757168"/>
                <a:gd name="connsiteX8" fmla="*/ 677567 w 12192000"/>
                <a:gd name="connsiteY8" fmla="*/ 119446 h 757168"/>
                <a:gd name="connsiteX9" fmla="*/ 946429 w 12192000"/>
                <a:gd name="connsiteY9" fmla="*/ 171502 h 757168"/>
                <a:gd name="connsiteX10" fmla="*/ 1163367 w 12192000"/>
                <a:gd name="connsiteY10" fmla="*/ 182106 h 757168"/>
                <a:gd name="connsiteX11" fmla="*/ 1180337 w 12192000"/>
                <a:gd name="connsiteY11" fmla="*/ 181279 h 757168"/>
                <a:gd name="connsiteX12" fmla="*/ 1263939 w 12192000"/>
                <a:gd name="connsiteY12" fmla="*/ 173070 h 757168"/>
                <a:gd name="connsiteX13" fmla="*/ 1392213 w 12192000"/>
                <a:gd name="connsiteY13" fmla="*/ 183225 h 757168"/>
                <a:gd name="connsiteX14" fmla="*/ 1479752 w 12192000"/>
                <a:gd name="connsiteY14" fmla="*/ 205174 h 757168"/>
                <a:gd name="connsiteX15" fmla="*/ 1589813 w 12192000"/>
                <a:gd name="connsiteY15" fmla="*/ 211706 h 757168"/>
                <a:gd name="connsiteX16" fmla="*/ 1716264 w 12192000"/>
                <a:gd name="connsiteY16" fmla="*/ 207459 h 757168"/>
                <a:gd name="connsiteX17" fmla="*/ 1772900 w 12192000"/>
                <a:gd name="connsiteY17" fmla="*/ 208137 h 757168"/>
                <a:gd name="connsiteX18" fmla="*/ 1929319 w 12192000"/>
                <a:gd name="connsiteY18" fmla="*/ 193822 h 757168"/>
                <a:gd name="connsiteX19" fmla="*/ 2021514 w 12192000"/>
                <a:gd name="connsiteY19" fmla="*/ 204186 h 757168"/>
                <a:gd name="connsiteX20" fmla="*/ 2111753 w 12192000"/>
                <a:gd name="connsiteY20" fmla="*/ 223797 h 757168"/>
                <a:gd name="connsiteX21" fmla="*/ 2169356 w 12192000"/>
                <a:gd name="connsiteY21" fmla="*/ 241125 h 757168"/>
                <a:gd name="connsiteX22" fmla="*/ 2286638 w 12192000"/>
                <a:gd name="connsiteY22" fmla="*/ 257382 h 757168"/>
                <a:gd name="connsiteX23" fmla="*/ 2308368 w 12192000"/>
                <a:gd name="connsiteY23" fmla="*/ 256995 h 757168"/>
                <a:gd name="connsiteX24" fmla="*/ 2660621 w 12192000"/>
                <a:gd name="connsiteY24" fmla="*/ 262863 h 757168"/>
                <a:gd name="connsiteX25" fmla="*/ 2801134 w 12192000"/>
                <a:gd name="connsiteY25" fmla="*/ 250006 h 757168"/>
                <a:gd name="connsiteX26" fmla="*/ 2830994 w 12192000"/>
                <a:gd name="connsiteY26" fmla="*/ 249091 h 757168"/>
                <a:gd name="connsiteX27" fmla="*/ 3129084 w 12192000"/>
                <a:gd name="connsiteY27" fmla="*/ 242009 h 757168"/>
                <a:gd name="connsiteX28" fmla="*/ 3162162 w 12192000"/>
                <a:gd name="connsiteY28" fmla="*/ 242789 h 757168"/>
                <a:gd name="connsiteX29" fmla="*/ 3254072 w 12192000"/>
                <a:gd name="connsiteY29" fmla="*/ 251612 h 757168"/>
                <a:gd name="connsiteX30" fmla="*/ 3473491 w 12192000"/>
                <a:gd name="connsiteY30" fmla="*/ 221903 h 757168"/>
                <a:gd name="connsiteX31" fmla="*/ 3691860 w 12192000"/>
                <a:gd name="connsiteY31" fmla="*/ 219228 h 757168"/>
                <a:gd name="connsiteX32" fmla="*/ 3811494 w 12192000"/>
                <a:gd name="connsiteY32" fmla="*/ 225691 h 757168"/>
                <a:gd name="connsiteX33" fmla="*/ 3897533 w 12192000"/>
                <a:gd name="connsiteY33" fmla="*/ 220087 h 757168"/>
                <a:gd name="connsiteX34" fmla="*/ 4109430 w 12192000"/>
                <a:gd name="connsiteY34" fmla="*/ 200477 h 757168"/>
                <a:gd name="connsiteX35" fmla="*/ 4208772 w 12192000"/>
                <a:gd name="connsiteY35" fmla="*/ 200914 h 757168"/>
                <a:gd name="connsiteX36" fmla="*/ 4314641 w 12192000"/>
                <a:gd name="connsiteY36" fmla="*/ 196159 h 757168"/>
                <a:gd name="connsiteX37" fmla="*/ 4577622 w 12192000"/>
                <a:gd name="connsiteY37" fmla="*/ 163774 h 757168"/>
                <a:gd name="connsiteX38" fmla="*/ 4790345 w 12192000"/>
                <a:gd name="connsiteY38" fmla="*/ 177592 h 757168"/>
                <a:gd name="connsiteX39" fmla="*/ 4926164 w 12192000"/>
                <a:gd name="connsiteY39" fmla="*/ 184139 h 757168"/>
                <a:gd name="connsiteX40" fmla="*/ 5088812 w 12192000"/>
                <a:gd name="connsiteY40" fmla="*/ 177401 h 757168"/>
                <a:gd name="connsiteX41" fmla="*/ 5222466 w 12192000"/>
                <a:gd name="connsiteY41" fmla="*/ 162082 h 757168"/>
                <a:gd name="connsiteX42" fmla="*/ 5406528 w 12192000"/>
                <a:gd name="connsiteY42" fmla="*/ 153987 h 757168"/>
                <a:gd name="connsiteX43" fmla="*/ 5590716 w 12192000"/>
                <a:gd name="connsiteY43" fmla="*/ 129490 h 757168"/>
                <a:gd name="connsiteX44" fmla="*/ 5719429 w 12192000"/>
                <a:gd name="connsiteY44" fmla="*/ 110099 h 757168"/>
                <a:gd name="connsiteX45" fmla="*/ 5897895 w 12192000"/>
                <a:gd name="connsiteY45" fmla="*/ 96368 h 757168"/>
                <a:gd name="connsiteX46" fmla="*/ 6169957 w 12192000"/>
                <a:gd name="connsiteY46" fmla="*/ 94411 h 757168"/>
                <a:gd name="connsiteX47" fmla="*/ 6294827 w 12192000"/>
                <a:gd name="connsiteY47" fmla="*/ 99236 h 757168"/>
                <a:gd name="connsiteX48" fmla="*/ 6494261 w 12192000"/>
                <a:gd name="connsiteY48" fmla="*/ 71724 h 757168"/>
                <a:gd name="connsiteX49" fmla="*/ 6579627 w 12192000"/>
                <a:gd name="connsiteY49" fmla="*/ 57883 h 757168"/>
                <a:gd name="connsiteX50" fmla="*/ 6654800 w 12192000"/>
                <a:gd name="connsiteY50" fmla="*/ 77086 h 757168"/>
                <a:gd name="connsiteX51" fmla="*/ 6703059 w 12192000"/>
                <a:gd name="connsiteY51" fmla="*/ 97166 h 757168"/>
                <a:gd name="connsiteX52" fmla="*/ 6859445 w 12192000"/>
                <a:gd name="connsiteY52" fmla="*/ 90481 h 757168"/>
                <a:gd name="connsiteX53" fmla="*/ 7025414 w 12192000"/>
                <a:gd name="connsiteY53" fmla="*/ 83536 h 757168"/>
                <a:gd name="connsiteX54" fmla="*/ 7144137 w 12192000"/>
                <a:gd name="connsiteY54" fmla="*/ 79264 h 757168"/>
                <a:gd name="connsiteX55" fmla="*/ 7291235 w 12192000"/>
                <a:gd name="connsiteY55" fmla="*/ 95367 h 757168"/>
                <a:gd name="connsiteX56" fmla="*/ 7407395 w 12192000"/>
                <a:gd name="connsiteY56" fmla="*/ 104888 h 757168"/>
                <a:gd name="connsiteX57" fmla="*/ 7500837 w 12192000"/>
                <a:gd name="connsiteY57" fmla="*/ 119515 h 757168"/>
                <a:gd name="connsiteX58" fmla="*/ 7533567 w 12192000"/>
                <a:gd name="connsiteY58" fmla="*/ 126955 h 757168"/>
                <a:gd name="connsiteX59" fmla="*/ 7792910 w 12192000"/>
                <a:gd name="connsiteY59" fmla="*/ 185188 h 757168"/>
                <a:gd name="connsiteX60" fmla="*/ 8070699 w 12192000"/>
                <a:gd name="connsiteY60" fmla="*/ 235423 h 757168"/>
                <a:gd name="connsiteX61" fmla="*/ 8253177 w 12192000"/>
                <a:gd name="connsiteY61" fmla="*/ 222473 h 757168"/>
                <a:gd name="connsiteX62" fmla="*/ 8320683 w 12192000"/>
                <a:gd name="connsiteY62" fmla="*/ 226393 h 757168"/>
                <a:gd name="connsiteX63" fmla="*/ 8631438 w 12192000"/>
                <a:gd name="connsiteY63" fmla="*/ 237528 h 757168"/>
                <a:gd name="connsiteX64" fmla="*/ 8686410 w 12192000"/>
                <a:gd name="connsiteY64" fmla="*/ 234877 h 757168"/>
                <a:gd name="connsiteX65" fmla="*/ 8980658 w 12192000"/>
                <a:gd name="connsiteY65" fmla="*/ 273001 h 757168"/>
                <a:gd name="connsiteX66" fmla="*/ 9087625 w 12192000"/>
                <a:gd name="connsiteY66" fmla="*/ 282423 h 757168"/>
                <a:gd name="connsiteX67" fmla="*/ 9186017 w 12192000"/>
                <a:gd name="connsiteY67" fmla="*/ 293875 h 757168"/>
                <a:gd name="connsiteX68" fmla="*/ 9323931 w 12192000"/>
                <a:gd name="connsiteY68" fmla="*/ 302628 h 757168"/>
                <a:gd name="connsiteX69" fmla="*/ 9467213 w 12192000"/>
                <a:gd name="connsiteY69" fmla="*/ 307275 h 757168"/>
                <a:gd name="connsiteX70" fmla="*/ 9626826 w 12192000"/>
                <a:gd name="connsiteY70" fmla="*/ 316213 h 757168"/>
                <a:gd name="connsiteX71" fmla="*/ 9689696 w 12192000"/>
                <a:gd name="connsiteY71" fmla="*/ 324467 h 757168"/>
                <a:gd name="connsiteX72" fmla="*/ 9860526 w 12192000"/>
                <a:gd name="connsiteY72" fmla="*/ 329986 h 757168"/>
                <a:gd name="connsiteX73" fmla="*/ 9949775 w 12192000"/>
                <a:gd name="connsiteY73" fmla="*/ 340386 h 757168"/>
                <a:gd name="connsiteX74" fmla="*/ 10097252 w 12192000"/>
                <a:gd name="connsiteY74" fmla="*/ 349262 h 757168"/>
                <a:gd name="connsiteX75" fmla="*/ 10145261 w 12192000"/>
                <a:gd name="connsiteY75" fmla="*/ 353113 h 757168"/>
                <a:gd name="connsiteX76" fmla="*/ 10188159 w 12192000"/>
                <a:gd name="connsiteY76" fmla="*/ 356124 h 757168"/>
                <a:gd name="connsiteX77" fmla="*/ 10336144 w 12192000"/>
                <a:gd name="connsiteY77" fmla="*/ 348235 h 757168"/>
                <a:gd name="connsiteX78" fmla="*/ 10466847 w 12192000"/>
                <a:gd name="connsiteY78" fmla="*/ 354131 h 757168"/>
                <a:gd name="connsiteX79" fmla="*/ 10696514 w 12192000"/>
                <a:gd name="connsiteY79" fmla="*/ 353575 h 757168"/>
                <a:gd name="connsiteX80" fmla="*/ 10746932 w 12192000"/>
                <a:gd name="connsiteY80" fmla="*/ 360606 h 757168"/>
                <a:gd name="connsiteX81" fmla="*/ 10905388 w 12192000"/>
                <a:gd name="connsiteY81" fmla="*/ 370627 h 757168"/>
                <a:gd name="connsiteX82" fmla="*/ 10995602 w 12192000"/>
                <a:gd name="connsiteY82" fmla="*/ 376691 h 757168"/>
                <a:gd name="connsiteX83" fmla="*/ 11107647 w 12192000"/>
                <a:gd name="connsiteY83" fmla="*/ 373405 h 757168"/>
                <a:gd name="connsiteX84" fmla="*/ 11302440 w 12192000"/>
                <a:gd name="connsiteY84" fmla="*/ 364156 h 757168"/>
                <a:gd name="connsiteX85" fmla="*/ 11353613 w 12192000"/>
                <a:gd name="connsiteY85" fmla="*/ 363785 h 757168"/>
                <a:gd name="connsiteX86" fmla="*/ 11447323 w 12192000"/>
                <a:gd name="connsiteY86" fmla="*/ 359346 h 757168"/>
                <a:gd name="connsiteX87" fmla="*/ 11464292 w 12192000"/>
                <a:gd name="connsiteY87" fmla="*/ 358519 h 757168"/>
                <a:gd name="connsiteX88" fmla="*/ 11607560 w 12192000"/>
                <a:gd name="connsiteY88" fmla="*/ 342370 h 757168"/>
                <a:gd name="connsiteX89" fmla="*/ 11681426 w 12192000"/>
                <a:gd name="connsiteY89" fmla="*/ 344335 h 757168"/>
                <a:gd name="connsiteX90" fmla="*/ 11893565 w 12192000"/>
                <a:gd name="connsiteY90" fmla="*/ 355261 h 757168"/>
                <a:gd name="connsiteX91" fmla="*/ 11983290 w 12192000"/>
                <a:gd name="connsiteY91" fmla="*/ 363588 h 757168"/>
                <a:gd name="connsiteX92" fmla="*/ 12192000 w 12192000"/>
                <a:gd name="connsiteY92" fmla="*/ 388018 h 757168"/>
                <a:gd name="connsiteX93" fmla="*/ 12192000 w 12192000"/>
                <a:gd name="connsiteY93" fmla="*/ 577115 h 757168"/>
                <a:gd name="connsiteX94" fmla="*/ 12157329 w 12192000"/>
                <a:gd name="connsiteY94" fmla="*/ 588862 h 757168"/>
                <a:gd name="connsiteX95" fmla="*/ 12066948 w 12192000"/>
                <a:gd name="connsiteY95" fmla="*/ 586034 h 757168"/>
                <a:gd name="connsiteX96" fmla="*/ 11911344 w 12192000"/>
                <a:gd name="connsiteY96" fmla="*/ 521599 h 757168"/>
                <a:gd name="connsiteX97" fmla="*/ 11847823 w 12192000"/>
                <a:gd name="connsiteY97" fmla="*/ 511785 h 757168"/>
                <a:gd name="connsiteX98" fmla="*/ 11737547 w 12192000"/>
                <a:gd name="connsiteY98" fmla="*/ 502380 h 757168"/>
                <a:gd name="connsiteX99" fmla="*/ 11636052 w 12192000"/>
                <a:gd name="connsiteY99" fmla="*/ 514993 h 757168"/>
                <a:gd name="connsiteX100" fmla="*/ 11394706 w 12192000"/>
                <a:gd name="connsiteY100" fmla="*/ 590867 h 757168"/>
                <a:gd name="connsiteX101" fmla="*/ 11354978 w 12192000"/>
                <a:gd name="connsiteY101" fmla="*/ 597561 h 757168"/>
                <a:gd name="connsiteX102" fmla="*/ 11285306 w 12192000"/>
                <a:gd name="connsiteY102" fmla="*/ 599825 h 757168"/>
                <a:gd name="connsiteX103" fmla="*/ 11008528 w 12192000"/>
                <a:gd name="connsiteY103" fmla="*/ 656670 h 757168"/>
                <a:gd name="connsiteX104" fmla="*/ 10948735 w 12192000"/>
                <a:gd name="connsiteY104" fmla="*/ 652964 h 757168"/>
                <a:gd name="connsiteX105" fmla="*/ 10850698 w 12192000"/>
                <a:gd name="connsiteY105" fmla="*/ 641721 h 757168"/>
                <a:gd name="connsiteX106" fmla="*/ 10744026 w 12192000"/>
                <a:gd name="connsiteY106" fmla="*/ 647769 h 757168"/>
                <a:gd name="connsiteX107" fmla="*/ 10666160 w 12192000"/>
                <a:gd name="connsiteY107" fmla="*/ 651891 h 757168"/>
                <a:gd name="connsiteX108" fmla="*/ 10450521 w 12192000"/>
                <a:gd name="connsiteY108" fmla="*/ 616552 h 757168"/>
                <a:gd name="connsiteX109" fmla="*/ 10271192 w 12192000"/>
                <a:gd name="connsiteY109" fmla="*/ 583498 h 757168"/>
                <a:gd name="connsiteX110" fmla="*/ 10246067 w 12192000"/>
                <a:gd name="connsiteY110" fmla="*/ 585423 h 757168"/>
                <a:gd name="connsiteX111" fmla="*/ 10005027 w 12192000"/>
                <a:gd name="connsiteY111" fmla="*/ 592252 h 757168"/>
                <a:gd name="connsiteX112" fmla="*/ 9898681 w 12192000"/>
                <a:gd name="connsiteY112" fmla="*/ 613195 h 757168"/>
                <a:gd name="connsiteX113" fmla="*/ 9753225 w 12192000"/>
                <a:gd name="connsiteY113" fmla="*/ 629038 h 757168"/>
                <a:gd name="connsiteX114" fmla="*/ 9591376 w 12192000"/>
                <a:gd name="connsiteY114" fmla="*/ 648601 h 757168"/>
                <a:gd name="connsiteX115" fmla="*/ 9472860 w 12192000"/>
                <a:gd name="connsiteY115" fmla="*/ 655936 h 757168"/>
                <a:gd name="connsiteX116" fmla="*/ 9299788 w 12192000"/>
                <a:gd name="connsiteY116" fmla="*/ 636945 h 757168"/>
                <a:gd name="connsiteX117" fmla="*/ 9264605 w 12192000"/>
                <a:gd name="connsiteY117" fmla="*/ 627087 h 757168"/>
                <a:gd name="connsiteX118" fmla="*/ 8926435 w 12192000"/>
                <a:gd name="connsiteY118" fmla="*/ 549269 h 757168"/>
                <a:gd name="connsiteX119" fmla="*/ 8698934 w 12192000"/>
                <a:gd name="connsiteY119" fmla="*/ 536583 h 757168"/>
                <a:gd name="connsiteX120" fmla="*/ 8622862 w 12192000"/>
                <a:gd name="connsiteY120" fmla="*/ 541563 h 757168"/>
                <a:gd name="connsiteX121" fmla="*/ 8482784 w 12192000"/>
                <a:gd name="connsiteY121" fmla="*/ 574094 h 757168"/>
                <a:gd name="connsiteX122" fmla="*/ 8421565 w 12192000"/>
                <a:gd name="connsiteY122" fmla="*/ 576610 h 757168"/>
                <a:gd name="connsiteX123" fmla="*/ 8313469 w 12192000"/>
                <a:gd name="connsiteY123" fmla="*/ 574762 h 757168"/>
                <a:gd name="connsiteX124" fmla="*/ 8079520 w 12192000"/>
                <a:gd name="connsiteY124" fmla="*/ 558685 h 757168"/>
                <a:gd name="connsiteX125" fmla="*/ 7773327 w 12192000"/>
                <a:gd name="connsiteY125" fmla="*/ 558854 h 757168"/>
                <a:gd name="connsiteX126" fmla="*/ 7652477 w 12192000"/>
                <a:gd name="connsiteY126" fmla="*/ 547561 h 757168"/>
                <a:gd name="connsiteX127" fmla="*/ 7522274 w 12192000"/>
                <a:gd name="connsiteY127" fmla="*/ 532150 h 757168"/>
                <a:gd name="connsiteX128" fmla="*/ 7484080 w 12192000"/>
                <a:gd name="connsiteY128" fmla="*/ 530532 h 757168"/>
                <a:gd name="connsiteX129" fmla="*/ 7282277 w 12192000"/>
                <a:gd name="connsiteY129" fmla="*/ 540177 h 757168"/>
                <a:gd name="connsiteX130" fmla="*/ 7235690 w 12192000"/>
                <a:gd name="connsiteY130" fmla="*/ 551282 h 757168"/>
                <a:gd name="connsiteX131" fmla="*/ 7116339 w 12192000"/>
                <a:gd name="connsiteY131" fmla="*/ 539494 h 757168"/>
                <a:gd name="connsiteX132" fmla="*/ 7011067 w 12192000"/>
                <a:gd name="connsiteY132" fmla="*/ 511848 h 757168"/>
                <a:gd name="connsiteX133" fmla="*/ 6403234 w 12192000"/>
                <a:gd name="connsiteY133" fmla="*/ 432296 h 757168"/>
                <a:gd name="connsiteX134" fmla="*/ 6036273 w 12192000"/>
                <a:gd name="connsiteY134" fmla="*/ 412301 h 757168"/>
                <a:gd name="connsiteX135" fmla="*/ 5780467 w 12192000"/>
                <a:gd name="connsiteY135" fmla="*/ 377910 h 757168"/>
                <a:gd name="connsiteX136" fmla="*/ 5739051 w 12192000"/>
                <a:gd name="connsiteY136" fmla="*/ 353609 h 757168"/>
                <a:gd name="connsiteX137" fmla="*/ 5583566 w 12192000"/>
                <a:gd name="connsiteY137" fmla="*/ 321995 h 757168"/>
                <a:gd name="connsiteX138" fmla="*/ 5432030 w 12192000"/>
                <a:gd name="connsiteY138" fmla="*/ 362512 h 757168"/>
                <a:gd name="connsiteX139" fmla="*/ 5241398 w 12192000"/>
                <a:gd name="connsiteY139" fmla="*/ 425781 h 757168"/>
                <a:gd name="connsiteX140" fmla="*/ 5139710 w 12192000"/>
                <a:gd name="connsiteY140" fmla="*/ 421022 h 757168"/>
                <a:gd name="connsiteX141" fmla="*/ 4929402 w 12192000"/>
                <a:gd name="connsiteY141" fmla="*/ 424310 h 757168"/>
                <a:gd name="connsiteX142" fmla="*/ 4782793 w 12192000"/>
                <a:gd name="connsiteY142" fmla="*/ 441046 h 757168"/>
                <a:gd name="connsiteX143" fmla="*/ 4577594 w 12192000"/>
                <a:gd name="connsiteY143" fmla="*/ 459290 h 757168"/>
                <a:gd name="connsiteX144" fmla="*/ 4500826 w 12192000"/>
                <a:gd name="connsiteY144" fmla="*/ 470529 h 757168"/>
                <a:gd name="connsiteX145" fmla="*/ 4317973 w 12192000"/>
                <a:gd name="connsiteY145" fmla="*/ 483649 h 757168"/>
                <a:gd name="connsiteX146" fmla="*/ 4166722 w 12192000"/>
                <a:gd name="connsiteY146" fmla="*/ 490602 h 757168"/>
                <a:gd name="connsiteX147" fmla="*/ 4042814 w 12192000"/>
                <a:gd name="connsiteY147" fmla="*/ 530660 h 757168"/>
                <a:gd name="connsiteX148" fmla="*/ 4002653 w 12192000"/>
                <a:gd name="connsiteY148" fmla="*/ 552594 h 757168"/>
                <a:gd name="connsiteX149" fmla="*/ 3969549 w 12192000"/>
                <a:gd name="connsiteY149" fmla="*/ 566312 h 757168"/>
                <a:gd name="connsiteX150" fmla="*/ 3821685 w 12192000"/>
                <a:gd name="connsiteY150" fmla="*/ 649183 h 757168"/>
                <a:gd name="connsiteX151" fmla="*/ 3805138 w 12192000"/>
                <a:gd name="connsiteY151" fmla="*/ 655947 h 757168"/>
                <a:gd name="connsiteX152" fmla="*/ 3609177 w 12192000"/>
                <a:gd name="connsiteY152" fmla="*/ 687459 h 757168"/>
                <a:gd name="connsiteX153" fmla="*/ 3539727 w 12192000"/>
                <a:gd name="connsiteY153" fmla="*/ 706521 h 757168"/>
                <a:gd name="connsiteX154" fmla="*/ 3396572 w 12192000"/>
                <a:gd name="connsiteY154" fmla="*/ 755681 h 757168"/>
                <a:gd name="connsiteX155" fmla="*/ 3341054 w 12192000"/>
                <a:gd name="connsiteY155" fmla="*/ 754679 h 757168"/>
                <a:gd name="connsiteX156" fmla="*/ 3138775 w 12192000"/>
                <a:gd name="connsiteY156" fmla="*/ 710120 h 757168"/>
                <a:gd name="connsiteX157" fmla="*/ 3037283 w 12192000"/>
                <a:gd name="connsiteY157" fmla="*/ 666453 h 757168"/>
                <a:gd name="connsiteX158" fmla="*/ 3002117 w 12192000"/>
                <a:gd name="connsiteY158" fmla="*/ 649347 h 757168"/>
                <a:gd name="connsiteX159" fmla="*/ 2747294 w 12192000"/>
                <a:gd name="connsiteY159" fmla="*/ 652400 h 757168"/>
                <a:gd name="connsiteX160" fmla="*/ 2676273 w 12192000"/>
                <a:gd name="connsiteY160" fmla="*/ 652304 h 757168"/>
                <a:gd name="connsiteX161" fmla="*/ 2432360 w 12192000"/>
                <a:gd name="connsiteY161" fmla="*/ 657836 h 757168"/>
                <a:gd name="connsiteX162" fmla="*/ 2382311 w 12192000"/>
                <a:gd name="connsiteY162" fmla="*/ 650824 h 757168"/>
                <a:gd name="connsiteX163" fmla="*/ 2055134 w 12192000"/>
                <a:gd name="connsiteY163" fmla="*/ 630053 h 757168"/>
                <a:gd name="connsiteX164" fmla="*/ 2031829 w 12192000"/>
                <a:gd name="connsiteY164" fmla="*/ 639324 h 757168"/>
                <a:gd name="connsiteX165" fmla="*/ 1912764 w 12192000"/>
                <a:gd name="connsiteY165" fmla="*/ 664183 h 757168"/>
                <a:gd name="connsiteX166" fmla="*/ 1755637 w 12192000"/>
                <a:gd name="connsiteY166" fmla="*/ 663960 h 757168"/>
                <a:gd name="connsiteX167" fmla="*/ 1727159 w 12192000"/>
                <a:gd name="connsiteY167" fmla="*/ 659605 h 757168"/>
                <a:gd name="connsiteX168" fmla="*/ 1622470 w 12192000"/>
                <a:gd name="connsiteY168" fmla="*/ 634850 h 757168"/>
                <a:gd name="connsiteX169" fmla="*/ 1385955 w 12192000"/>
                <a:gd name="connsiteY169" fmla="*/ 604522 h 757168"/>
                <a:gd name="connsiteX170" fmla="*/ 1340055 w 12192000"/>
                <a:gd name="connsiteY170" fmla="*/ 595629 h 757168"/>
                <a:gd name="connsiteX171" fmla="*/ 1257271 w 12192000"/>
                <a:gd name="connsiteY171" fmla="*/ 581180 h 757168"/>
                <a:gd name="connsiteX172" fmla="*/ 1031914 w 12192000"/>
                <a:gd name="connsiteY172" fmla="*/ 562692 h 757168"/>
                <a:gd name="connsiteX173" fmla="*/ 922031 w 12192000"/>
                <a:gd name="connsiteY173" fmla="*/ 566853 h 757168"/>
                <a:gd name="connsiteX174" fmla="*/ 873250 w 12192000"/>
                <a:gd name="connsiteY174" fmla="*/ 563724 h 757168"/>
                <a:gd name="connsiteX175" fmla="*/ 711627 w 12192000"/>
                <a:gd name="connsiteY175" fmla="*/ 529880 h 757168"/>
                <a:gd name="connsiteX176" fmla="*/ 311112 w 12192000"/>
                <a:gd name="connsiteY176" fmla="*/ 525106 h 757168"/>
                <a:gd name="connsiteX177" fmla="*/ 184145 w 12192000"/>
                <a:gd name="connsiteY177" fmla="*/ 532188 h 757168"/>
                <a:gd name="connsiteX178" fmla="*/ 116886 w 12192000"/>
                <a:gd name="connsiteY178" fmla="*/ 530572 h 757168"/>
                <a:gd name="connsiteX179" fmla="*/ 23941 w 12192000"/>
                <a:gd name="connsiteY179" fmla="*/ 506433 h 757168"/>
                <a:gd name="connsiteX180" fmla="*/ 0 w 12192000"/>
                <a:gd name="connsiteY180" fmla="*/ 502149 h 757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Lst>
              <a:rect l="l" t="t" r="r" b="b"/>
              <a:pathLst>
                <a:path w="12192000" h="757168">
                  <a:moveTo>
                    <a:pt x="0" y="0"/>
                  </a:moveTo>
                  <a:lnTo>
                    <a:pt x="41653" y="6945"/>
                  </a:lnTo>
                  <a:cubicBezTo>
                    <a:pt x="55151" y="9178"/>
                    <a:pt x="68996" y="11810"/>
                    <a:pt x="81317" y="15509"/>
                  </a:cubicBezTo>
                  <a:cubicBezTo>
                    <a:pt x="92911" y="18978"/>
                    <a:pt x="102562" y="24446"/>
                    <a:pt x="114150" y="28105"/>
                  </a:cubicBezTo>
                  <a:cubicBezTo>
                    <a:pt x="145644" y="37958"/>
                    <a:pt x="177914" y="47281"/>
                    <a:pt x="214865" y="58374"/>
                  </a:cubicBezTo>
                  <a:cubicBezTo>
                    <a:pt x="236680" y="42349"/>
                    <a:pt x="264438" y="53534"/>
                    <a:pt x="299237" y="63560"/>
                  </a:cubicBezTo>
                  <a:cubicBezTo>
                    <a:pt x="334763" y="73816"/>
                    <a:pt x="376093" y="78654"/>
                    <a:pt x="415570" y="83774"/>
                  </a:cubicBezTo>
                  <a:cubicBezTo>
                    <a:pt x="487949" y="93100"/>
                    <a:pt x="560804" y="100354"/>
                    <a:pt x="633210" y="109108"/>
                  </a:cubicBezTo>
                  <a:cubicBezTo>
                    <a:pt x="648566" y="111058"/>
                    <a:pt x="666073" y="114072"/>
                    <a:pt x="677567" y="119446"/>
                  </a:cubicBezTo>
                  <a:cubicBezTo>
                    <a:pt x="756262" y="155621"/>
                    <a:pt x="853422" y="169678"/>
                    <a:pt x="946429" y="171502"/>
                  </a:cubicBezTo>
                  <a:cubicBezTo>
                    <a:pt x="1019582" y="173044"/>
                    <a:pt x="1091239" y="175083"/>
                    <a:pt x="1163367" y="182106"/>
                  </a:cubicBezTo>
                  <a:cubicBezTo>
                    <a:pt x="1168863" y="182586"/>
                    <a:pt x="1176224" y="182589"/>
                    <a:pt x="1180337" y="181279"/>
                  </a:cubicBezTo>
                  <a:cubicBezTo>
                    <a:pt x="1205822" y="172503"/>
                    <a:pt x="1231920" y="173109"/>
                    <a:pt x="1263939" y="173070"/>
                  </a:cubicBezTo>
                  <a:cubicBezTo>
                    <a:pt x="1309211" y="172961"/>
                    <a:pt x="1350592" y="176848"/>
                    <a:pt x="1392213" y="183225"/>
                  </a:cubicBezTo>
                  <a:cubicBezTo>
                    <a:pt x="1422516" y="187866"/>
                    <a:pt x="1453010" y="195759"/>
                    <a:pt x="1479752" y="205174"/>
                  </a:cubicBezTo>
                  <a:cubicBezTo>
                    <a:pt x="1516962" y="218381"/>
                    <a:pt x="1553071" y="224660"/>
                    <a:pt x="1589813" y="211706"/>
                  </a:cubicBezTo>
                  <a:cubicBezTo>
                    <a:pt x="1629541" y="197953"/>
                    <a:pt x="1673292" y="205778"/>
                    <a:pt x="1716264" y="207459"/>
                  </a:cubicBezTo>
                  <a:cubicBezTo>
                    <a:pt x="1734988" y="208248"/>
                    <a:pt x="1754789" y="209668"/>
                    <a:pt x="1772900" y="208137"/>
                  </a:cubicBezTo>
                  <a:cubicBezTo>
                    <a:pt x="1825381" y="203828"/>
                    <a:pt x="1876222" y="195808"/>
                    <a:pt x="1929319" y="193822"/>
                  </a:cubicBezTo>
                  <a:cubicBezTo>
                    <a:pt x="1958819" y="192698"/>
                    <a:pt x="1991232" y="199166"/>
                    <a:pt x="2021514" y="204186"/>
                  </a:cubicBezTo>
                  <a:cubicBezTo>
                    <a:pt x="2052154" y="209417"/>
                    <a:pt x="2082323" y="216530"/>
                    <a:pt x="2111753" y="223797"/>
                  </a:cubicBezTo>
                  <a:cubicBezTo>
                    <a:pt x="2131736" y="228659"/>
                    <a:pt x="2153567" y="233429"/>
                    <a:pt x="2169356" y="241125"/>
                  </a:cubicBezTo>
                  <a:cubicBezTo>
                    <a:pt x="2205243" y="258649"/>
                    <a:pt x="2242901" y="263295"/>
                    <a:pt x="2286638" y="257382"/>
                  </a:cubicBezTo>
                  <a:cubicBezTo>
                    <a:pt x="2293313" y="256396"/>
                    <a:pt x="2301018" y="256799"/>
                    <a:pt x="2308368" y="256995"/>
                  </a:cubicBezTo>
                  <a:cubicBezTo>
                    <a:pt x="2426026" y="259155"/>
                    <a:pt x="2543593" y="262834"/>
                    <a:pt x="2660621" y="262863"/>
                  </a:cubicBezTo>
                  <a:cubicBezTo>
                    <a:pt x="2708088" y="262871"/>
                    <a:pt x="2754165" y="254412"/>
                    <a:pt x="2801134" y="250006"/>
                  </a:cubicBezTo>
                  <a:cubicBezTo>
                    <a:pt x="2810748" y="249174"/>
                    <a:pt x="2821504" y="247638"/>
                    <a:pt x="2830994" y="249091"/>
                  </a:cubicBezTo>
                  <a:cubicBezTo>
                    <a:pt x="2934354" y="264045"/>
                    <a:pt x="3032340" y="255254"/>
                    <a:pt x="3129084" y="242009"/>
                  </a:cubicBezTo>
                  <a:cubicBezTo>
                    <a:pt x="3139090" y="240625"/>
                    <a:pt x="3151170" y="241831"/>
                    <a:pt x="3162162" y="242789"/>
                  </a:cubicBezTo>
                  <a:cubicBezTo>
                    <a:pt x="3192925" y="245736"/>
                    <a:pt x="3225969" y="254145"/>
                    <a:pt x="3254072" y="251612"/>
                  </a:cubicBezTo>
                  <a:cubicBezTo>
                    <a:pt x="3328782" y="244461"/>
                    <a:pt x="3402881" y="234992"/>
                    <a:pt x="3473491" y="221903"/>
                  </a:cubicBezTo>
                  <a:cubicBezTo>
                    <a:pt x="3545212" y="208683"/>
                    <a:pt x="3611651" y="197856"/>
                    <a:pt x="3691860" y="219228"/>
                  </a:cubicBezTo>
                  <a:cubicBezTo>
                    <a:pt x="3725977" y="228268"/>
                    <a:pt x="3771754" y="225515"/>
                    <a:pt x="3811494" y="225691"/>
                  </a:cubicBezTo>
                  <a:cubicBezTo>
                    <a:pt x="3840564" y="225687"/>
                    <a:pt x="3868906" y="218586"/>
                    <a:pt x="3897533" y="220087"/>
                  </a:cubicBezTo>
                  <a:cubicBezTo>
                    <a:pt x="3973874" y="224087"/>
                    <a:pt x="4042293" y="217563"/>
                    <a:pt x="4109430" y="200477"/>
                  </a:cubicBezTo>
                  <a:cubicBezTo>
                    <a:pt x="4135544" y="193834"/>
                    <a:pt x="4175268" y="201258"/>
                    <a:pt x="4208772" y="200914"/>
                  </a:cubicBezTo>
                  <a:cubicBezTo>
                    <a:pt x="4244136" y="200288"/>
                    <a:pt x="4280583" y="199908"/>
                    <a:pt x="4314641" y="196159"/>
                  </a:cubicBezTo>
                  <a:cubicBezTo>
                    <a:pt x="4402743" y="186278"/>
                    <a:pt x="4489848" y="174436"/>
                    <a:pt x="4577622" y="163774"/>
                  </a:cubicBezTo>
                  <a:cubicBezTo>
                    <a:pt x="4649843" y="154967"/>
                    <a:pt x="4719794" y="168553"/>
                    <a:pt x="4790345" y="177592"/>
                  </a:cubicBezTo>
                  <a:cubicBezTo>
                    <a:pt x="4834576" y="183345"/>
                    <a:pt x="4875614" y="193701"/>
                    <a:pt x="4926164" y="184139"/>
                  </a:cubicBezTo>
                  <a:cubicBezTo>
                    <a:pt x="4974485" y="175032"/>
                    <a:pt x="5034899" y="180870"/>
                    <a:pt x="5088812" y="177401"/>
                  </a:cubicBezTo>
                  <a:cubicBezTo>
                    <a:pt x="5134238" y="174439"/>
                    <a:pt x="5178353" y="168165"/>
                    <a:pt x="5222466" y="162082"/>
                  </a:cubicBezTo>
                  <a:cubicBezTo>
                    <a:pt x="5282519" y="153783"/>
                    <a:pt x="5341864" y="144876"/>
                    <a:pt x="5406528" y="153987"/>
                  </a:cubicBezTo>
                  <a:cubicBezTo>
                    <a:pt x="5479960" y="164323"/>
                    <a:pt x="5531876" y="142624"/>
                    <a:pt x="5590716" y="129490"/>
                  </a:cubicBezTo>
                  <a:cubicBezTo>
                    <a:pt x="5631296" y="120553"/>
                    <a:pt x="5675395" y="114659"/>
                    <a:pt x="5719429" y="110099"/>
                  </a:cubicBezTo>
                  <a:cubicBezTo>
                    <a:pt x="5778247" y="104215"/>
                    <a:pt x="5838715" y="102042"/>
                    <a:pt x="5897895" y="96368"/>
                  </a:cubicBezTo>
                  <a:cubicBezTo>
                    <a:pt x="5987399" y="87895"/>
                    <a:pt x="6077855" y="82333"/>
                    <a:pt x="6169957" y="94411"/>
                  </a:cubicBezTo>
                  <a:cubicBezTo>
                    <a:pt x="6212360" y="99875"/>
                    <a:pt x="6252010" y="101763"/>
                    <a:pt x="6294827" y="99236"/>
                  </a:cubicBezTo>
                  <a:cubicBezTo>
                    <a:pt x="6364965" y="95091"/>
                    <a:pt x="6436581" y="97891"/>
                    <a:pt x="6494261" y="71724"/>
                  </a:cubicBezTo>
                  <a:cubicBezTo>
                    <a:pt x="6514615" y="62488"/>
                    <a:pt x="6550354" y="61691"/>
                    <a:pt x="6579627" y="57883"/>
                  </a:cubicBezTo>
                  <a:cubicBezTo>
                    <a:pt x="6613354" y="53353"/>
                    <a:pt x="6637770" y="57878"/>
                    <a:pt x="6654800" y="77086"/>
                  </a:cubicBezTo>
                  <a:cubicBezTo>
                    <a:pt x="6662444" y="85688"/>
                    <a:pt x="6685147" y="94892"/>
                    <a:pt x="6703059" y="97166"/>
                  </a:cubicBezTo>
                  <a:cubicBezTo>
                    <a:pt x="6756799" y="103989"/>
                    <a:pt x="6806654" y="100687"/>
                    <a:pt x="6859445" y="90481"/>
                  </a:cubicBezTo>
                  <a:cubicBezTo>
                    <a:pt x="6908894" y="80861"/>
                    <a:pt x="6969747" y="85387"/>
                    <a:pt x="7025414" y="83536"/>
                  </a:cubicBezTo>
                  <a:cubicBezTo>
                    <a:pt x="7064862" y="82168"/>
                    <a:pt x="7104501" y="77186"/>
                    <a:pt x="7144137" y="79264"/>
                  </a:cubicBezTo>
                  <a:cubicBezTo>
                    <a:pt x="7193316" y="81841"/>
                    <a:pt x="7241809" y="90488"/>
                    <a:pt x="7291235" y="95367"/>
                  </a:cubicBezTo>
                  <a:cubicBezTo>
                    <a:pt x="7329668" y="99288"/>
                    <a:pt x="7368978" y="100585"/>
                    <a:pt x="7407395" y="104888"/>
                  </a:cubicBezTo>
                  <a:cubicBezTo>
                    <a:pt x="7438868" y="108256"/>
                    <a:pt x="7469832" y="114265"/>
                    <a:pt x="7500837" y="119515"/>
                  </a:cubicBezTo>
                  <a:cubicBezTo>
                    <a:pt x="7512146" y="121444"/>
                    <a:pt x="7523255" y="127178"/>
                    <a:pt x="7533567" y="126955"/>
                  </a:cubicBezTo>
                  <a:cubicBezTo>
                    <a:pt x="7636025" y="124121"/>
                    <a:pt x="7707510" y="164497"/>
                    <a:pt x="7792910" y="185188"/>
                  </a:cubicBezTo>
                  <a:cubicBezTo>
                    <a:pt x="7882663" y="207063"/>
                    <a:pt x="7969001" y="237914"/>
                    <a:pt x="8070699" y="235423"/>
                  </a:cubicBezTo>
                  <a:cubicBezTo>
                    <a:pt x="8132239" y="233879"/>
                    <a:pt x="8191903" y="225939"/>
                    <a:pt x="8253177" y="222473"/>
                  </a:cubicBezTo>
                  <a:cubicBezTo>
                    <a:pt x="8274949" y="221324"/>
                    <a:pt x="8299150" y="222976"/>
                    <a:pt x="8320683" y="226393"/>
                  </a:cubicBezTo>
                  <a:cubicBezTo>
                    <a:pt x="8424731" y="242340"/>
                    <a:pt x="8527777" y="249266"/>
                    <a:pt x="8631438" y="237528"/>
                  </a:cubicBezTo>
                  <a:cubicBezTo>
                    <a:pt x="8649201" y="235596"/>
                    <a:pt x="8668058" y="233915"/>
                    <a:pt x="8686410" y="234877"/>
                  </a:cubicBezTo>
                  <a:cubicBezTo>
                    <a:pt x="8786966" y="240146"/>
                    <a:pt x="8885480" y="249315"/>
                    <a:pt x="8980658" y="273001"/>
                  </a:cubicBezTo>
                  <a:cubicBezTo>
                    <a:pt x="9012626" y="280972"/>
                    <a:pt x="9052108" y="279035"/>
                    <a:pt x="9087625" y="282423"/>
                  </a:cubicBezTo>
                  <a:cubicBezTo>
                    <a:pt x="9120583" y="285484"/>
                    <a:pt x="9154319" y="287825"/>
                    <a:pt x="9186017" y="293875"/>
                  </a:cubicBezTo>
                  <a:cubicBezTo>
                    <a:pt x="9232288" y="302785"/>
                    <a:pt x="9275554" y="305815"/>
                    <a:pt x="9323931" y="302628"/>
                  </a:cubicBezTo>
                  <a:cubicBezTo>
                    <a:pt x="9370084" y="299705"/>
                    <a:pt x="9419491" y="304964"/>
                    <a:pt x="9467213" y="307275"/>
                  </a:cubicBezTo>
                  <a:cubicBezTo>
                    <a:pt x="9520438" y="309874"/>
                    <a:pt x="9573661" y="312473"/>
                    <a:pt x="9626826" y="316213"/>
                  </a:cubicBezTo>
                  <a:cubicBezTo>
                    <a:pt x="9648094" y="317708"/>
                    <a:pt x="9671915" y="326588"/>
                    <a:pt x="9689696" y="324467"/>
                  </a:cubicBezTo>
                  <a:cubicBezTo>
                    <a:pt x="9747117" y="317175"/>
                    <a:pt x="9803355" y="332523"/>
                    <a:pt x="9860526" y="329986"/>
                  </a:cubicBezTo>
                  <a:cubicBezTo>
                    <a:pt x="9888572" y="328594"/>
                    <a:pt x="9919723" y="338048"/>
                    <a:pt x="9949775" y="340386"/>
                  </a:cubicBezTo>
                  <a:cubicBezTo>
                    <a:pt x="9998886" y="344296"/>
                    <a:pt x="10048092" y="346302"/>
                    <a:pt x="10097252" y="349262"/>
                  </a:cubicBezTo>
                  <a:cubicBezTo>
                    <a:pt x="10113390" y="350297"/>
                    <a:pt x="10129133" y="351886"/>
                    <a:pt x="10145261" y="353113"/>
                  </a:cubicBezTo>
                  <a:cubicBezTo>
                    <a:pt x="10159555" y="354243"/>
                    <a:pt x="10174512" y="356743"/>
                    <a:pt x="10188159" y="356124"/>
                  </a:cubicBezTo>
                  <a:cubicBezTo>
                    <a:pt x="10237589" y="353944"/>
                    <a:pt x="10286441" y="348682"/>
                    <a:pt x="10336144" y="348235"/>
                  </a:cubicBezTo>
                  <a:cubicBezTo>
                    <a:pt x="10379222" y="347822"/>
                    <a:pt x="10423443" y="353764"/>
                    <a:pt x="10466847" y="354131"/>
                  </a:cubicBezTo>
                  <a:cubicBezTo>
                    <a:pt x="10543353" y="354898"/>
                    <a:pt x="10619988" y="353190"/>
                    <a:pt x="10696514" y="353575"/>
                  </a:cubicBezTo>
                  <a:cubicBezTo>
                    <a:pt x="10713071" y="353680"/>
                    <a:pt x="10730069" y="359342"/>
                    <a:pt x="10746932" y="360606"/>
                  </a:cubicBezTo>
                  <a:cubicBezTo>
                    <a:pt x="10799731" y="364326"/>
                    <a:pt x="10852569" y="367289"/>
                    <a:pt x="10905388" y="370627"/>
                  </a:cubicBezTo>
                  <a:cubicBezTo>
                    <a:pt x="10935470" y="372396"/>
                    <a:pt x="10965963" y="373421"/>
                    <a:pt x="10995602" y="376691"/>
                  </a:cubicBezTo>
                  <a:cubicBezTo>
                    <a:pt x="11034750" y="381032"/>
                    <a:pt x="11070168" y="386324"/>
                    <a:pt x="11107647" y="373405"/>
                  </a:cubicBezTo>
                  <a:cubicBezTo>
                    <a:pt x="11165372" y="353347"/>
                    <a:pt x="11236837" y="366060"/>
                    <a:pt x="11302440" y="364156"/>
                  </a:cubicBezTo>
                  <a:cubicBezTo>
                    <a:pt x="11319394" y="363708"/>
                    <a:pt x="11336655" y="364422"/>
                    <a:pt x="11353613" y="363785"/>
                  </a:cubicBezTo>
                  <a:cubicBezTo>
                    <a:pt x="11384961" y="362566"/>
                    <a:pt x="11415955" y="360947"/>
                    <a:pt x="11447323" y="359346"/>
                  </a:cubicBezTo>
                  <a:cubicBezTo>
                    <a:pt x="11452855" y="359066"/>
                    <a:pt x="11459104" y="359200"/>
                    <a:pt x="11464292" y="358519"/>
                  </a:cubicBezTo>
                  <a:cubicBezTo>
                    <a:pt x="11512058" y="353010"/>
                    <a:pt x="11559143" y="346321"/>
                    <a:pt x="11607560" y="342370"/>
                  </a:cubicBezTo>
                  <a:cubicBezTo>
                    <a:pt x="11631218" y="340368"/>
                    <a:pt x="11657295" y="341352"/>
                    <a:pt x="11681426" y="344335"/>
                  </a:cubicBezTo>
                  <a:cubicBezTo>
                    <a:pt x="11751997" y="352993"/>
                    <a:pt x="11821986" y="358760"/>
                    <a:pt x="11893565" y="355261"/>
                  </a:cubicBezTo>
                  <a:cubicBezTo>
                    <a:pt x="11921973" y="353889"/>
                    <a:pt x="11953288" y="360300"/>
                    <a:pt x="11983290" y="363588"/>
                  </a:cubicBezTo>
                  <a:lnTo>
                    <a:pt x="12192000" y="388018"/>
                  </a:lnTo>
                  <a:lnTo>
                    <a:pt x="12192000" y="577115"/>
                  </a:lnTo>
                  <a:lnTo>
                    <a:pt x="12157329" y="588862"/>
                  </a:lnTo>
                  <a:cubicBezTo>
                    <a:pt x="12118393" y="608572"/>
                    <a:pt x="12109715" y="605637"/>
                    <a:pt x="12066948" y="586034"/>
                  </a:cubicBezTo>
                  <a:cubicBezTo>
                    <a:pt x="12016991" y="563193"/>
                    <a:pt x="11965119" y="541779"/>
                    <a:pt x="11911344" y="521599"/>
                  </a:cubicBezTo>
                  <a:cubicBezTo>
                    <a:pt x="11894383" y="515178"/>
                    <a:pt x="11869417" y="514060"/>
                    <a:pt x="11847823" y="511785"/>
                  </a:cubicBezTo>
                  <a:cubicBezTo>
                    <a:pt x="11811233" y="507768"/>
                    <a:pt x="11773630" y="501982"/>
                    <a:pt x="11737547" y="502380"/>
                  </a:cubicBezTo>
                  <a:cubicBezTo>
                    <a:pt x="11702930" y="502855"/>
                    <a:pt x="11668388" y="508866"/>
                    <a:pt x="11636052" y="514993"/>
                  </a:cubicBezTo>
                  <a:cubicBezTo>
                    <a:pt x="11545722" y="532199"/>
                    <a:pt x="11462455" y="555118"/>
                    <a:pt x="11394706" y="590867"/>
                  </a:cubicBezTo>
                  <a:cubicBezTo>
                    <a:pt x="11385999" y="595562"/>
                    <a:pt x="11369016" y="596581"/>
                    <a:pt x="11354978" y="597561"/>
                  </a:cubicBezTo>
                  <a:cubicBezTo>
                    <a:pt x="11332076" y="599224"/>
                    <a:pt x="11308448" y="600655"/>
                    <a:pt x="11285306" y="599825"/>
                  </a:cubicBezTo>
                  <a:cubicBezTo>
                    <a:pt x="11172906" y="595841"/>
                    <a:pt x="11083430" y="617861"/>
                    <a:pt x="11008528" y="656670"/>
                  </a:cubicBezTo>
                  <a:cubicBezTo>
                    <a:pt x="10986971" y="667750"/>
                    <a:pt x="10970753" y="668236"/>
                    <a:pt x="10948735" y="652964"/>
                  </a:cubicBezTo>
                  <a:cubicBezTo>
                    <a:pt x="10923173" y="635218"/>
                    <a:pt x="10885031" y="639705"/>
                    <a:pt x="10850698" y="641721"/>
                  </a:cubicBezTo>
                  <a:cubicBezTo>
                    <a:pt x="10815269" y="643680"/>
                    <a:pt x="10779458" y="645811"/>
                    <a:pt x="10744026" y="647769"/>
                  </a:cubicBezTo>
                  <a:cubicBezTo>
                    <a:pt x="10717832" y="649066"/>
                    <a:pt x="10692021" y="650003"/>
                    <a:pt x="10666160" y="651891"/>
                  </a:cubicBezTo>
                  <a:cubicBezTo>
                    <a:pt x="10585627" y="657783"/>
                    <a:pt x="10513854" y="650969"/>
                    <a:pt x="10450521" y="616552"/>
                  </a:cubicBezTo>
                  <a:cubicBezTo>
                    <a:pt x="10402221" y="590175"/>
                    <a:pt x="10339099" y="579806"/>
                    <a:pt x="10271192" y="583498"/>
                  </a:cubicBezTo>
                  <a:cubicBezTo>
                    <a:pt x="10262701" y="584006"/>
                    <a:pt x="10251859" y="587254"/>
                    <a:pt x="10246067" y="585423"/>
                  </a:cubicBezTo>
                  <a:cubicBezTo>
                    <a:pt x="10158786" y="558528"/>
                    <a:pt x="10086634" y="594049"/>
                    <a:pt x="10005027" y="592252"/>
                  </a:cubicBezTo>
                  <a:cubicBezTo>
                    <a:pt x="9969004" y="591507"/>
                    <a:pt x="9931565" y="603664"/>
                    <a:pt x="9898681" y="613195"/>
                  </a:cubicBezTo>
                  <a:cubicBezTo>
                    <a:pt x="9853463" y="626281"/>
                    <a:pt x="9813049" y="639042"/>
                    <a:pt x="9753225" y="629038"/>
                  </a:cubicBezTo>
                  <a:cubicBezTo>
                    <a:pt x="9693404" y="618845"/>
                    <a:pt x="9637675" y="628898"/>
                    <a:pt x="9591376" y="648601"/>
                  </a:cubicBezTo>
                  <a:cubicBezTo>
                    <a:pt x="9556001" y="663537"/>
                    <a:pt x="9518120" y="663077"/>
                    <a:pt x="9472860" y="655936"/>
                  </a:cubicBezTo>
                  <a:cubicBezTo>
                    <a:pt x="9416283" y="647056"/>
                    <a:pt x="9357217" y="643578"/>
                    <a:pt x="9299788" y="636945"/>
                  </a:cubicBezTo>
                  <a:cubicBezTo>
                    <a:pt x="9287347" y="635531"/>
                    <a:pt x="9271710" y="632039"/>
                    <a:pt x="9264605" y="627087"/>
                  </a:cubicBezTo>
                  <a:cubicBezTo>
                    <a:pt x="9177661" y="565680"/>
                    <a:pt x="9051076" y="558473"/>
                    <a:pt x="8926435" y="549269"/>
                  </a:cubicBezTo>
                  <a:cubicBezTo>
                    <a:pt x="8850925" y="543595"/>
                    <a:pt x="8774954" y="539613"/>
                    <a:pt x="8698934" y="536583"/>
                  </a:cubicBezTo>
                  <a:cubicBezTo>
                    <a:pt x="8673232" y="535428"/>
                    <a:pt x="8645916" y="537050"/>
                    <a:pt x="8622862" y="541563"/>
                  </a:cubicBezTo>
                  <a:cubicBezTo>
                    <a:pt x="8574890" y="551069"/>
                    <a:pt x="8530403" y="564380"/>
                    <a:pt x="8482784" y="574094"/>
                  </a:cubicBezTo>
                  <a:cubicBezTo>
                    <a:pt x="8464923" y="577929"/>
                    <a:pt x="8442157" y="576927"/>
                    <a:pt x="8421565" y="576610"/>
                  </a:cubicBezTo>
                  <a:cubicBezTo>
                    <a:pt x="8385152" y="576229"/>
                    <a:pt x="8345023" y="569546"/>
                    <a:pt x="8313469" y="574762"/>
                  </a:cubicBezTo>
                  <a:cubicBezTo>
                    <a:pt x="8231431" y="588203"/>
                    <a:pt x="8155671" y="580227"/>
                    <a:pt x="8079520" y="558685"/>
                  </a:cubicBezTo>
                  <a:cubicBezTo>
                    <a:pt x="7972906" y="528487"/>
                    <a:pt x="7870782" y="525043"/>
                    <a:pt x="7773327" y="558854"/>
                  </a:cubicBezTo>
                  <a:cubicBezTo>
                    <a:pt x="7729470" y="574107"/>
                    <a:pt x="7688069" y="563543"/>
                    <a:pt x="7652477" y="547561"/>
                  </a:cubicBezTo>
                  <a:cubicBezTo>
                    <a:pt x="7611494" y="529005"/>
                    <a:pt x="7570974" y="522685"/>
                    <a:pt x="7522274" y="532150"/>
                  </a:cubicBezTo>
                  <a:cubicBezTo>
                    <a:pt x="7511488" y="534257"/>
                    <a:pt x="7496511" y="532136"/>
                    <a:pt x="7484080" y="530532"/>
                  </a:cubicBezTo>
                  <a:cubicBezTo>
                    <a:pt x="7413133" y="522044"/>
                    <a:pt x="7341987" y="510303"/>
                    <a:pt x="7282277" y="540177"/>
                  </a:cubicBezTo>
                  <a:cubicBezTo>
                    <a:pt x="7270558" y="546051"/>
                    <a:pt x="7251336" y="547713"/>
                    <a:pt x="7235690" y="551282"/>
                  </a:cubicBezTo>
                  <a:cubicBezTo>
                    <a:pt x="7170161" y="565782"/>
                    <a:pt x="7172820" y="564203"/>
                    <a:pt x="7116339" y="539494"/>
                  </a:cubicBezTo>
                  <a:cubicBezTo>
                    <a:pt x="7086841" y="526502"/>
                    <a:pt x="7045980" y="512724"/>
                    <a:pt x="7011067" y="511848"/>
                  </a:cubicBezTo>
                  <a:cubicBezTo>
                    <a:pt x="6800473" y="506533"/>
                    <a:pt x="6601893" y="468653"/>
                    <a:pt x="6403234" y="432296"/>
                  </a:cubicBezTo>
                  <a:cubicBezTo>
                    <a:pt x="6280760" y="409851"/>
                    <a:pt x="6160432" y="402592"/>
                    <a:pt x="6036273" y="412301"/>
                  </a:cubicBezTo>
                  <a:cubicBezTo>
                    <a:pt x="5946471" y="419425"/>
                    <a:pt x="5863077" y="395593"/>
                    <a:pt x="5780467" y="377910"/>
                  </a:cubicBezTo>
                  <a:cubicBezTo>
                    <a:pt x="5763357" y="374343"/>
                    <a:pt x="5747757" y="363033"/>
                    <a:pt x="5739051" y="353609"/>
                  </a:cubicBezTo>
                  <a:cubicBezTo>
                    <a:pt x="5707675" y="320294"/>
                    <a:pt x="5653252" y="312483"/>
                    <a:pt x="5583566" y="321995"/>
                  </a:cubicBezTo>
                  <a:cubicBezTo>
                    <a:pt x="5528347" y="329404"/>
                    <a:pt x="5477716" y="340486"/>
                    <a:pt x="5432030" y="362512"/>
                  </a:cubicBezTo>
                  <a:cubicBezTo>
                    <a:pt x="5378421" y="388318"/>
                    <a:pt x="5322767" y="418026"/>
                    <a:pt x="5241398" y="425781"/>
                  </a:cubicBezTo>
                  <a:cubicBezTo>
                    <a:pt x="5206262" y="429089"/>
                    <a:pt x="5176131" y="428273"/>
                    <a:pt x="5139710" y="421022"/>
                  </a:cubicBezTo>
                  <a:cubicBezTo>
                    <a:pt x="5069048" y="407018"/>
                    <a:pt x="4997864" y="396037"/>
                    <a:pt x="4929402" y="424310"/>
                  </a:cubicBezTo>
                  <a:cubicBezTo>
                    <a:pt x="4891785" y="439890"/>
                    <a:pt x="4841650" y="448519"/>
                    <a:pt x="4782793" y="441046"/>
                  </a:cubicBezTo>
                  <a:cubicBezTo>
                    <a:pt x="4709316" y="431663"/>
                    <a:pt x="4641426" y="442031"/>
                    <a:pt x="4577594" y="459290"/>
                  </a:cubicBezTo>
                  <a:cubicBezTo>
                    <a:pt x="4554816" y="465538"/>
                    <a:pt x="4527069" y="468279"/>
                    <a:pt x="4500826" y="470529"/>
                  </a:cubicBezTo>
                  <a:cubicBezTo>
                    <a:pt x="4440199" y="475746"/>
                    <a:pt x="4379252" y="479993"/>
                    <a:pt x="4317973" y="483649"/>
                  </a:cubicBezTo>
                  <a:cubicBezTo>
                    <a:pt x="4267762" y="486741"/>
                    <a:pt x="4217264" y="488292"/>
                    <a:pt x="4166722" y="490602"/>
                  </a:cubicBezTo>
                  <a:cubicBezTo>
                    <a:pt x="4111394" y="493045"/>
                    <a:pt x="4067073" y="503124"/>
                    <a:pt x="4042814" y="530660"/>
                  </a:cubicBezTo>
                  <a:cubicBezTo>
                    <a:pt x="4034996" y="539407"/>
                    <a:pt x="4017001" y="545715"/>
                    <a:pt x="4002653" y="552594"/>
                  </a:cubicBezTo>
                  <a:cubicBezTo>
                    <a:pt x="3992459" y="557592"/>
                    <a:pt x="3979023" y="561086"/>
                    <a:pt x="3969549" y="566312"/>
                  </a:cubicBezTo>
                  <a:cubicBezTo>
                    <a:pt x="3919896" y="593854"/>
                    <a:pt x="3870968" y="621622"/>
                    <a:pt x="3821685" y="649183"/>
                  </a:cubicBezTo>
                  <a:cubicBezTo>
                    <a:pt x="3816761" y="651788"/>
                    <a:pt x="3811445" y="654943"/>
                    <a:pt x="3805138" y="655947"/>
                  </a:cubicBezTo>
                  <a:cubicBezTo>
                    <a:pt x="3739817" y="666451"/>
                    <a:pt x="3673801" y="676154"/>
                    <a:pt x="3609177" y="687459"/>
                  </a:cubicBezTo>
                  <a:cubicBezTo>
                    <a:pt x="3584288" y="691878"/>
                    <a:pt x="3558597" y="697589"/>
                    <a:pt x="3539727" y="706521"/>
                  </a:cubicBezTo>
                  <a:cubicBezTo>
                    <a:pt x="3496714" y="726780"/>
                    <a:pt x="3457268" y="749132"/>
                    <a:pt x="3396572" y="755681"/>
                  </a:cubicBezTo>
                  <a:cubicBezTo>
                    <a:pt x="3378807" y="757611"/>
                    <a:pt x="3357809" y="758036"/>
                    <a:pt x="3341054" y="754679"/>
                  </a:cubicBezTo>
                  <a:cubicBezTo>
                    <a:pt x="3272962" y="740809"/>
                    <a:pt x="3206471" y="724541"/>
                    <a:pt x="3138775" y="710120"/>
                  </a:cubicBezTo>
                  <a:cubicBezTo>
                    <a:pt x="3095820" y="701191"/>
                    <a:pt x="3056969" y="691141"/>
                    <a:pt x="3037283" y="666453"/>
                  </a:cubicBezTo>
                  <a:cubicBezTo>
                    <a:pt x="3031764" y="659487"/>
                    <a:pt x="3015626" y="651391"/>
                    <a:pt x="3002117" y="649347"/>
                  </a:cubicBezTo>
                  <a:cubicBezTo>
                    <a:pt x="2915220" y="636209"/>
                    <a:pt x="2829194" y="627503"/>
                    <a:pt x="2747294" y="652400"/>
                  </a:cubicBezTo>
                  <a:cubicBezTo>
                    <a:pt x="2730084" y="657794"/>
                    <a:pt x="2698519" y="656140"/>
                    <a:pt x="2676273" y="652304"/>
                  </a:cubicBezTo>
                  <a:cubicBezTo>
                    <a:pt x="2590546" y="637890"/>
                    <a:pt x="2508883" y="630176"/>
                    <a:pt x="2432360" y="657836"/>
                  </a:cubicBezTo>
                  <a:cubicBezTo>
                    <a:pt x="2423352" y="661179"/>
                    <a:pt x="2395274" y="656272"/>
                    <a:pt x="2382311" y="650824"/>
                  </a:cubicBezTo>
                  <a:cubicBezTo>
                    <a:pt x="2257393" y="597728"/>
                    <a:pt x="2187724" y="592930"/>
                    <a:pt x="2055134" y="630053"/>
                  </a:cubicBezTo>
                  <a:cubicBezTo>
                    <a:pt x="2046542" y="632464"/>
                    <a:pt x="2035364" y="635121"/>
                    <a:pt x="2031829" y="639324"/>
                  </a:cubicBezTo>
                  <a:cubicBezTo>
                    <a:pt x="2007977" y="666120"/>
                    <a:pt x="1960229" y="664380"/>
                    <a:pt x="1912764" y="664183"/>
                  </a:cubicBezTo>
                  <a:cubicBezTo>
                    <a:pt x="1860521" y="663924"/>
                    <a:pt x="1808236" y="664426"/>
                    <a:pt x="1755637" y="663960"/>
                  </a:cubicBezTo>
                  <a:cubicBezTo>
                    <a:pt x="1746439" y="663859"/>
                    <a:pt x="1736243" y="661799"/>
                    <a:pt x="1727159" y="659605"/>
                  </a:cubicBezTo>
                  <a:cubicBezTo>
                    <a:pt x="1692256" y="651480"/>
                    <a:pt x="1658604" y="640559"/>
                    <a:pt x="1622470" y="634850"/>
                  </a:cubicBezTo>
                  <a:cubicBezTo>
                    <a:pt x="1544362" y="622552"/>
                    <a:pt x="1469248" y="602210"/>
                    <a:pt x="1385955" y="604522"/>
                  </a:cubicBezTo>
                  <a:cubicBezTo>
                    <a:pt x="1371585" y="604913"/>
                    <a:pt x="1355357" y="598530"/>
                    <a:pt x="1340055" y="595629"/>
                  </a:cubicBezTo>
                  <a:cubicBezTo>
                    <a:pt x="1312351" y="590552"/>
                    <a:pt x="1285460" y="583993"/>
                    <a:pt x="1257271" y="581180"/>
                  </a:cubicBezTo>
                  <a:cubicBezTo>
                    <a:pt x="1182583" y="573830"/>
                    <a:pt x="1107142" y="566824"/>
                    <a:pt x="1031914" y="562692"/>
                  </a:cubicBezTo>
                  <a:cubicBezTo>
                    <a:pt x="995593" y="560597"/>
                    <a:pt x="958880" y="565923"/>
                    <a:pt x="922031" y="566853"/>
                  </a:cubicBezTo>
                  <a:cubicBezTo>
                    <a:pt x="905446" y="567320"/>
                    <a:pt x="878533" y="568199"/>
                    <a:pt x="873250" y="563724"/>
                  </a:cubicBezTo>
                  <a:cubicBezTo>
                    <a:pt x="832343" y="529722"/>
                    <a:pt x="772202" y="532674"/>
                    <a:pt x="711627" y="529880"/>
                  </a:cubicBezTo>
                  <a:cubicBezTo>
                    <a:pt x="577999" y="523641"/>
                    <a:pt x="447408" y="543696"/>
                    <a:pt x="311112" y="525106"/>
                  </a:cubicBezTo>
                  <a:cubicBezTo>
                    <a:pt x="271645" y="519795"/>
                    <a:pt x="226936" y="530235"/>
                    <a:pt x="184145" y="532188"/>
                  </a:cubicBezTo>
                  <a:cubicBezTo>
                    <a:pt x="162015" y="533128"/>
                    <a:pt x="137665" y="534333"/>
                    <a:pt x="116886" y="530572"/>
                  </a:cubicBezTo>
                  <a:cubicBezTo>
                    <a:pt x="84810" y="524693"/>
                    <a:pt x="54011" y="515448"/>
                    <a:pt x="23941" y="506433"/>
                  </a:cubicBezTo>
                  <a:lnTo>
                    <a:pt x="0" y="502149"/>
                  </a:lnTo>
                  <a:close/>
                </a:path>
              </a:pathLst>
            </a:custGeom>
            <a:blipFill>
              <a:blip r:embed="rId5">
                <a:alphaModFix amt="57000"/>
              </a:blip>
              <a:tile tx="0" ty="0" sx="100000" sy="100000" flip="none" algn="tl"/>
            </a:blip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grpSp>
    </p:spTree>
    <p:extLst>
      <p:ext uri="{BB962C8B-B14F-4D97-AF65-F5344CB8AC3E}">
        <p14:creationId xmlns:p14="http://schemas.microsoft.com/office/powerpoint/2010/main" val="402958689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1031" name="Rectangle 1030">
            <a:extLst>
              <a:ext uri="{FF2B5EF4-FFF2-40B4-BE49-F238E27FC236}">
                <a16:creationId xmlns:a16="http://schemas.microsoft.com/office/drawing/2014/main" id="{53B021B3-DE93-4AB7-8A18-CF5F1CED88B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871C6BAB-7B68-C8A6-B794-BC9A912B238C}"/>
              </a:ext>
            </a:extLst>
          </p:cNvPr>
          <p:cNvSpPr>
            <a:spLocks noGrp="1"/>
          </p:cNvSpPr>
          <p:nvPr>
            <p:ph type="title"/>
          </p:nvPr>
        </p:nvSpPr>
        <p:spPr>
          <a:xfrm>
            <a:off x="841248" y="256032"/>
            <a:ext cx="10506456" cy="1014984"/>
          </a:xfrm>
        </p:spPr>
        <p:txBody>
          <a:bodyPr vert="horz" lIns="91440" tIns="45720" rIns="91440" bIns="45720" rtlCol="0" anchor="b">
            <a:normAutofit/>
          </a:bodyPr>
          <a:lstStyle/>
          <a:p>
            <a:r>
              <a:rPr lang="en-US" kern="1200">
                <a:solidFill>
                  <a:schemeClr val="tx1"/>
                </a:solidFill>
                <a:latin typeface="+mj-lt"/>
                <a:ea typeface="+mj-ea"/>
                <a:cs typeface="+mj-cs"/>
              </a:rPr>
              <a:t>NCIPN Educational Updates</a:t>
            </a:r>
          </a:p>
        </p:txBody>
      </p:sp>
      <p:sp>
        <p:nvSpPr>
          <p:cNvPr id="1033" name="Rectangle 1032">
            <a:extLst>
              <a:ext uri="{FF2B5EF4-FFF2-40B4-BE49-F238E27FC236}">
                <a16:creationId xmlns:a16="http://schemas.microsoft.com/office/drawing/2014/main" id="{52D502E5-F6B4-4D58-B4AE-FC466FF15EE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865953" y="1634502"/>
            <a:ext cx="10451592" cy="18288"/>
          </a:xfrm>
          <a:prstGeom prst="rect">
            <a:avLst/>
          </a:prstGeom>
          <a:solidFill>
            <a:srgbClr val="D5D5D5"/>
          </a:solidFill>
          <a:ln w="3175">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prstClr val="white"/>
              </a:solidFill>
              <a:latin typeface="Calibri" panose="020F0502020204030204"/>
            </a:endParaRPr>
          </a:p>
        </p:txBody>
      </p:sp>
      <p:sp>
        <p:nvSpPr>
          <p:cNvPr id="1035" name="Rectangle 1034">
            <a:extLst>
              <a:ext uri="{FF2B5EF4-FFF2-40B4-BE49-F238E27FC236}">
                <a16:creationId xmlns:a16="http://schemas.microsoft.com/office/drawing/2014/main" id="{9DECDBF4-02B6-4BB4-B65B-B8107AD6A9E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flipV="1">
            <a:off x="841248" y="1538176"/>
            <a:ext cx="1873457" cy="10981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prstClr val="white"/>
              </a:solidFill>
              <a:latin typeface="Calibri" panose="020F0502020204030204"/>
            </a:endParaRPr>
          </a:p>
        </p:txBody>
      </p:sp>
      <p:sp>
        <p:nvSpPr>
          <p:cNvPr id="3" name="Text Placeholder 2">
            <a:extLst>
              <a:ext uri="{FF2B5EF4-FFF2-40B4-BE49-F238E27FC236}">
                <a16:creationId xmlns:a16="http://schemas.microsoft.com/office/drawing/2014/main" id="{1057E609-33DD-90E0-BCCE-D5AD97DF2017}"/>
              </a:ext>
            </a:extLst>
          </p:cNvPr>
          <p:cNvSpPr>
            <a:spLocks/>
          </p:cNvSpPr>
          <p:nvPr/>
        </p:nvSpPr>
        <p:spPr>
          <a:xfrm>
            <a:off x="1526376" y="1926266"/>
            <a:ext cx="4484056" cy="716289"/>
          </a:xfrm>
          <a:prstGeom prst="rect">
            <a:avLst/>
          </a:prstGeom>
        </p:spPr>
        <p:txBody>
          <a:bodyPr/>
          <a:lstStyle/>
          <a:p>
            <a:pPr defTabSz="786384">
              <a:spcAft>
                <a:spcPts val="600"/>
              </a:spcAft>
            </a:pPr>
            <a:r>
              <a:rPr lang="en-US" sz="1548" kern="1200">
                <a:solidFill>
                  <a:schemeClr val="tx1"/>
                </a:solidFill>
                <a:latin typeface="+mn-lt"/>
                <a:ea typeface="+mn-ea"/>
                <a:cs typeface="+mn-cs"/>
              </a:rPr>
              <a:t>Jen Carius, Maternal Outreach Educator	</a:t>
            </a:r>
            <a:endParaRPr lang="en-US"/>
          </a:p>
        </p:txBody>
      </p:sp>
      <p:pic>
        <p:nvPicPr>
          <p:cNvPr id="8" name="Content Placeholder 7">
            <a:extLst>
              <a:ext uri="{FF2B5EF4-FFF2-40B4-BE49-F238E27FC236}">
                <a16:creationId xmlns:a16="http://schemas.microsoft.com/office/drawing/2014/main" id="{FFC01399-DA47-BFF9-6E35-12FA37245475}"/>
              </a:ext>
            </a:extLst>
          </p:cNvPr>
          <p:cNvPicPr>
            <a:picLocks noChangeAspect="1"/>
          </p:cNvPicPr>
          <p:nvPr/>
        </p:nvPicPr>
        <p:blipFill>
          <a:blip r:embed="rId2"/>
          <a:stretch>
            <a:fillRect/>
          </a:stretch>
        </p:blipFill>
        <p:spPr>
          <a:xfrm>
            <a:off x="1523615" y="2642555"/>
            <a:ext cx="4370997" cy="3641235"/>
          </a:xfrm>
          <a:prstGeom prst="rect">
            <a:avLst/>
          </a:prstGeom>
        </p:spPr>
      </p:pic>
      <p:sp>
        <p:nvSpPr>
          <p:cNvPr id="5" name="Text Placeholder 4">
            <a:extLst>
              <a:ext uri="{FF2B5EF4-FFF2-40B4-BE49-F238E27FC236}">
                <a16:creationId xmlns:a16="http://schemas.microsoft.com/office/drawing/2014/main" id="{531E4E3A-42CE-5E84-B0E5-F1234DB0607E}"/>
              </a:ext>
            </a:extLst>
          </p:cNvPr>
          <p:cNvSpPr>
            <a:spLocks/>
          </p:cNvSpPr>
          <p:nvPr/>
        </p:nvSpPr>
        <p:spPr>
          <a:xfrm>
            <a:off x="6162246" y="1926266"/>
            <a:ext cx="4506139" cy="716289"/>
          </a:xfrm>
          <a:prstGeom prst="rect">
            <a:avLst/>
          </a:prstGeom>
        </p:spPr>
        <p:txBody>
          <a:bodyPr/>
          <a:lstStyle/>
          <a:p>
            <a:pPr defTabSz="786384">
              <a:spcAft>
                <a:spcPts val="600"/>
              </a:spcAft>
            </a:pPr>
            <a:r>
              <a:rPr lang="en-US" sz="1548" kern="1200" err="1">
                <a:solidFill>
                  <a:schemeClr val="tx1"/>
                </a:solidFill>
                <a:latin typeface="+mn-lt"/>
                <a:ea typeface="+mn-ea"/>
                <a:cs typeface="+mn-cs"/>
              </a:rPr>
              <a:t>Emalee</a:t>
            </a:r>
            <a:r>
              <a:rPr lang="en-US" sz="1548" kern="1200">
                <a:solidFill>
                  <a:schemeClr val="tx1"/>
                </a:solidFill>
                <a:latin typeface="+mn-lt"/>
                <a:ea typeface="+mn-ea"/>
                <a:cs typeface="+mn-cs"/>
              </a:rPr>
              <a:t> Brink, Neonatal Outreach Educator</a:t>
            </a:r>
            <a:endParaRPr lang="en-US"/>
          </a:p>
        </p:txBody>
      </p:sp>
      <p:pic>
        <p:nvPicPr>
          <p:cNvPr id="1026" name="Picture 2">
            <a:extLst>
              <a:ext uri="{FF2B5EF4-FFF2-40B4-BE49-F238E27FC236}">
                <a16:creationId xmlns:a16="http://schemas.microsoft.com/office/drawing/2014/main" id="{6EE30D38-A463-DEA1-053C-44038003A158}"/>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t="16389" r="9348"/>
          <a:stretch/>
        </p:blipFill>
        <p:spPr bwMode="auto">
          <a:xfrm>
            <a:off x="6297389" y="2642554"/>
            <a:ext cx="4218573" cy="364123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25762139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C48F69-833E-3504-3398-8093D6A72387}"/>
              </a:ext>
            </a:extLst>
          </p:cNvPr>
          <p:cNvSpPr>
            <a:spLocks noGrp="1"/>
          </p:cNvSpPr>
          <p:nvPr>
            <p:ph type="title"/>
          </p:nvPr>
        </p:nvSpPr>
        <p:spPr/>
        <p:txBody>
          <a:bodyPr/>
          <a:lstStyle/>
          <a:p>
            <a:r>
              <a:rPr lang="en-US" dirty="0"/>
              <a:t>NCIPN Updates</a:t>
            </a:r>
          </a:p>
        </p:txBody>
      </p:sp>
      <p:sp>
        <p:nvSpPr>
          <p:cNvPr id="3" name="Text Placeholder 2">
            <a:extLst>
              <a:ext uri="{FF2B5EF4-FFF2-40B4-BE49-F238E27FC236}">
                <a16:creationId xmlns:a16="http://schemas.microsoft.com/office/drawing/2014/main" id="{3F2BE93F-7FFE-F35D-419E-D3365284E048}"/>
              </a:ext>
            </a:extLst>
          </p:cNvPr>
          <p:cNvSpPr>
            <a:spLocks noGrp="1"/>
          </p:cNvSpPr>
          <p:nvPr>
            <p:ph type="body" idx="1"/>
          </p:nvPr>
        </p:nvSpPr>
        <p:spPr/>
        <p:txBody>
          <a:bodyPr/>
          <a:lstStyle/>
          <a:p>
            <a:endParaRPr lang="en-US"/>
          </a:p>
        </p:txBody>
      </p:sp>
    </p:spTree>
    <p:extLst>
      <p:ext uri="{BB962C8B-B14F-4D97-AF65-F5344CB8AC3E}">
        <p14:creationId xmlns:p14="http://schemas.microsoft.com/office/powerpoint/2010/main" val="410481377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txBox="1">
            <a:spLocks noGrp="1"/>
          </p:cNvSpPr>
          <p:nvPr>
            <p:ph type="title" idx="4294967295"/>
          </p:nvPr>
        </p:nvSpPr>
        <p:spPr>
          <a:xfrm>
            <a:off x="244078" y="883814"/>
            <a:ext cx="7144740" cy="708879"/>
          </a:xfrm>
          <a:prstGeom prst="rect">
            <a:avLst/>
          </a:prstGeom>
          <a:noFill/>
          <a:ln>
            <a:noFill/>
          </a:ln>
        </p:spPr>
        <p:txBody>
          <a:bodyPr vert="horz" wrap="square" lIns="91440" tIns="45720" rIns="91440" bIns="45720" anchor="ctr" anchorCtr="0" compatLnSpc="1">
            <a:normAutofit/>
          </a:bodyPr>
          <a:lstStyle/>
          <a:p>
            <a:pPr marL="0" marR="0">
              <a:spcBef>
                <a:spcPts val="0"/>
              </a:spcBef>
              <a:spcAft>
                <a:spcPts val="0"/>
              </a:spcAft>
            </a:pPr>
            <a:r>
              <a:rPr lang="en-US" sz="3200" b="1" dirty="0">
                <a:effectLst/>
                <a:latin typeface="+mn-lt"/>
                <a:ea typeface="Calibri" panose="020F0502020204030204" pitchFamily="34" charset="0"/>
                <a:cs typeface="Times New Roman" panose="02020603050405020304" pitchFamily="18" charset="0"/>
              </a:rPr>
              <a:t>North Central Illinois Perinatal Network </a:t>
            </a:r>
            <a:endParaRPr lang="en-US" sz="3200" dirty="0">
              <a:effectLst/>
              <a:latin typeface="+mn-lt"/>
              <a:ea typeface="Calibri" panose="020F0502020204030204" pitchFamily="34" charset="0"/>
              <a:cs typeface="Times New Roman" panose="02020603050405020304" pitchFamily="18" charset="0"/>
            </a:endParaRPr>
          </a:p>
        </p:txBody>
      </p:sp>
      <p:sp>
        <p:nvSpPr>
          <p:cNvPr id="3" name="Content Placeholder 2"/>
          <p:cNvSpPr txBox="1">
            <a:spLocks noGrp="1"/>
          </p:cNvSpPr>
          <p:nvPr>
            <p:ph idx="1"/>
          </p:nvPr>
        </p:nvSpPr>
        <p:spPr>
          <a:xfrm>
            <a:off x="382199" y="3246194"/>
            <a:ext cx="5232679" cy="2302241"/>
          </a:xfrm>
        </p:spPr>
        <p:txBody>
          <a:bodyPr>
            <a:noAutofit/>
          </a:bodyPr>
          <a:lstStyle/>
          <a:p>
            <a:pPr marL="0" marR="0" indent="0">
              <a:spcBef>
                <a:spcPts val="0"/>
              </a:spcBef>
              <a:spcAft>
                <a:spcPts val="0"/>
              </a:spcAft>
              <a:buNone/>
            </a:pPr>
            <a:r>
              <a:rPr lang="en-US" sz="2000" i="1" dirty="0">
                <a:effectLst/>
                <a:latin typeface="Cambria" panose="02040503050406030204" pitchFamily="18" charset="0"/>
                <a:ea typeface="Calibri" panose="020F0502020204030204" pitchFamily="34" charset="0"/>
                <a:cs typeface="Times New Roman" panose="02020603050405020304" pitchFamily="18" charset="0"/>
              </a:rPr>
              <a:t>An APC facility provides</a:t>
            </a:r>
            <a:br>
              <a:rPr lang="en-US" sz="2000" i="1" dirty="0">
                <a:effectLst/>
                <a:latin typeface="Cambria" panose="02040503050406030204" pitchFamily="18" charset="0"/>
                <a:ea typeface="Calibri" panose="020F0502020204030204" pitchFamily="34" charset="0"/>
                <a:cs typeface="Times New Roman" panose="02020603050405020304" pitchFamily="18" charset="0"/>
              </a:rPr>
            </a:br>
            <a:endParaRPr lang="en-US" sz="2000" i="1" dirty="0">
              <a:effectLst/>
              <a:latin typeface="Cambria" panose="02040503050406030204" pitchFamily="18" charset="0"/>
              <a:ea typeface="Calibri" panose="020F0502020204030204" pitchFamily="34" charset="0"/>
              <a:cs typeface="Times New Roman" panose="02020603050405020304" pitchFamily="18" charset="0"/>
            </a:endParaRPr>
          </a:p>
          <a:p>
            <a:pPr marR="0" lvl="0">
              <a:spcBef>
                <a:spcPts val="0"/>
              </a:spcBef>
              <a:spcAft>
                <a:spcPts val="200"/>
              </a:spcAft>
              <a:buClr>
                <a:srgbClr val="7CA93E"/>
              </a:buClr>
            </a:pPr>
            <a:r>
              <a:rPr lang="en-US" sz="2000" dirty="0">
                <a:effectLst/>
                <a:latin typeface="Cambria" panose="02040503050406030204" pitchFamily="18" charset="0"/>
                <a:ea typeface="Calibri" panose="020F0502020204030204" pitchFamily="34" charset="0"/>
                <a:cs typeface="Times New Roman" panose="02020603050405020304" pitchFamily="18" charset="0"/>
              </a:rPr>
              <a:t>Education</a:t>
            </a:r>
          </a:p>
          <a:p>
            <a:pPr marR="0" lvl="0">
              <a:spcBef>
                <a:spcPts val="0"/>
              </a:spcBef>
              <a:spcAft>
                <a:spcPts val="200"/>
              </a:spcAft>
              <a:buClr>
                <a:srgbClr val="7CA93E"/>
              </a:buClr>
            </a:pPr>
            <a:r>
              <a:rPr lang="en-US" sz="2000" dirty="0">
                <a:effectLst/>
                <a:latin typeface="Cambria" panose="02040503050406030204" pitchFamily="18" charset="0"/>
                <a:ea typeface="Calibri" panose="020F0502020204030204" pitchFamily="34" charset="0"/>
                <a:cs typeface="Times New Roman" panose="02020603050405020304" pitchFamily="18" charset="0"/>
              </a:rPr>
              <a:t>Case reviews</a:t>
            </a:r>
          </a:p>
          <a:p>
            <a:pPr marR="0" lvl="0">
              <a:spcBef>
                <a:spcPts val="0"/>
              </a:spcBef>
              <a:spcAft>
                <a:spcPts val="200"/>
              </a:spcAft>
              <a:buClr>
                <a:srgbClr val="7CA93E"/>
              </a:buClr>
            </a:pPr>
            <a:r>
              <a:rPr lang="en-US" sz="2000" dirty="0">
                <a:effectLst/>
                <a:latin typeface="Cambria" panose="02040503050406030204" pitchFamily="18" charset="0"/>
                <a:ea typeface="Calibri" panose="020F0502020204030204" pitchFamily="34" charset="0"/>
                <a:cs typeface="Times New Roman" panose="02020603050405020304" pitchFamily="18" charset="0"/>
              </a:rPr>
              <a:t>Site visits for level of care re-designations</a:t>
            </a:r>
          </a:p>
          <a:p>
            <a:pPr marR="0" lvl="0">
              <a:spcBef>
                <a:spcPts val="0"/>
              </a:spcBef>
              <a:spcAft>
                <a:spcPts val="200"/>
              </a:spcAft>
              <a:buClr>
                <a:srgbClr val="7CA93E"/>
              </a:buClr>
            </a:pPr>
            <a:r>
              <a:rPr lang="en-US" sz="2000" dirty="0">
                <a:effectLst/>
                <a:latin typeface="Cambria" panose="02040503050406030204" pitchFamily="18" charset="0"/>
                <a:ea typeface="Calibri" panose="020F0502020204030204" pitchFamily="34" charset="0"/>
                <a:cs typeface="Times New Roman" panose="02020603050405020304" pitchFamily="18" charset="0"/>
              </a:rPr>
              <a:t>An on-call maternal-fetal medicine physician and neonatologist for consultation, support and supervision of transfers</a:t>
            </a:r>
          </a:p>
          <a:p>
            <a:pPr marL="0" lvl="0" indent="0">
              <a:buNone/>
            </a:pPr>
            <a:endParaRPr lang="en-US" dirty="0">
              <a:latin typeface="Calibri" panose="020F0502020204030204" pitchFamily="34" charset="0"/>
              <a:cs typeface="Calibri" panose="020F0502020204030204" pitchFamily="34" charset="0"/>
            </a:endParaRPr>
          </a:p>
        </p:txBody>
      </p:sp>
      <p:pic>
        <p:nvPicPr>
          <p:cNvPr id="5" name="Ink 22"/>
          <p:cNvPicPr>
            <a:picLocks noChangeAspect="1"/>
          </p:cNvPicPr>
          <p:nvPr/>
        </p:nvPicPr>
        <p:blipFill>
          <a:blip r:embed="rId2"/>
          <a:stretch>
            <a:fillRect/>
          </a:stretch>
        </p:blipFill>
        <p:spPr>
          <a:xfrm>
            <a:off x="7173852" y="1828928"/>
            <a:ext cx="356" cy="356"/>
          </a:xfrm>
          <a:prstGeom prst="rect">
            <a:avLst/>
          </a:prstGeom>
          <a:noFill/>
          <a:ln cap="flat">
            <a:noFill/>
          </a:ln>
        </p:spPr>
      </p:pic>
      <p:sp>
        <p:nvSpPr>
          <p:cNvPr id="8" name="TextBox 7">
            <a:extLst>
              <a:ext uri="{FF2B5EF4-FFF2-40B4-BE49-F238E27FC236}">
                <a16:creationId xmlns:a16="http://schemas.microsoft.com/office/drawing/2014/main" id="{5621DE38-3BB3-3E58-24C5-94C87DB79C4A}"/>
              </a:ext>
            </a:extLst>
          </p:cNvPr>
          <p:cNvSpPr txBox="1"/>
          <p:nvPr/>
        </p:nvSpPr>
        <p:spPr>
          <a:xfrm>
            <a:off x="540351" y="1771949"/>
            <a:ext cx="5766579" cy="1015663"/>
          </a:xfrm>
          <a:prstGeom prst="rect">
            <a:avLst/>
          </a:prstGeom>
          <a:noFill/>
        </p:spPr>
        <p:txBody>
          <a:bodyPr wrap="square">
            <a:spAutoFit/>
          </a:bodyPr>
          <a:lstStyle/>
          <a:p>
            <a:pPr marL="0" marR="0" indent="0">
              <a:spcBef>
                <a:spcPts val="0"/>
              </a:spcBef>
              <a:spcAft>
                <a:spcPts val="0"/>
              </a:spcAft>
              <a:buNone/>
            </a:pPr>
            <a:r>
              <a:rPr lang="en-US" sz="2000" dirty="0">
                <a:effectLst/>
                <a:latin typeface="Cambria" panose="02040503050406030204" pitchFamily="18" charset="0"/>
                <a:ea typeface="Calibri" panose="020F0502020204030204" pitchFamily="34" charset="0"/>
                <a:cs typeface="Times New Roman" panose="02020603050405020304" pitchFamily="18" charset="0"/>
              </a:rPr>
              <a:t>The NCIPN covers 25 counties and 27 hospitals. Our administrative perinatal center (APC) is OSF HealthCare Saint Francis Medical Center in Peoria</a:t>
            </a:r>
            <a:r>
              <a:rPr lang="en-US" sz="1800" dirty="0">
                <a:effectLst/>
                <a:latin typeface="Cambria" panose="02040503050406030204" pitchFamily="18" charset="0"/>
                <a:ea typeface="Calibri" panose="020F0502020204030204" pitchFamily="34" charset="0"/>
                <a:cs typeface="Times New Roman" panose="02020603050405020304" pitchFamily="18" charset="0"/>
              </a:rPr>
              <a:t>.</a:t>
            </a:r>
          </a:p>
        </p:txBody>
      </p:sp>
      <p:cxnSp>
        <p:nvCxnSpPr>
          <p:cNvPr id="10" name="Straight Connector 9">
            <a:extLst>
              <a:ext uri="{FF2B5EF4-FFF2-40B4-BE49-F238E27FC236}">
                <a16:creationId xmlns:a16="http://schemas.microsoft.com/office/drawing/2014/main" id="{C318D74B-FFB1-F7B1-EB17-637296267DB6}"/>
              </a:ext>
            </a:extLst>
          </p:cNvPr>
          <p:cNvCxnSpPr>
            <a:cxnSpLocks/>
          </p:cNvCxnSpPr>
          <p:nvPr/>
        </p:nvCxnSpPr>
        <p:spPr>
          <a:xfrm>
            <a:off x="382199" y="1800997"/>
            <a:ext cx="0" cy="957566"/>
          </a:xfrm>
          <a:prstGeom prst="line">
            <a:avLst/>
          </a:prstGeom>
          <a:ln w="28575">
            <a:solidFill>
              <a:schemeClr val="accent5"/>
            </a:solidFill>
          </a:ln>
        </p:spPr>
        <p:style>
          <a:lnRef idx="1">
            <a:schemeClr val="accent1"/>
          </a:lnRef>
          <a:fillRef idx="0">
            <a:schemeClr val="accent1"/>
          </a:fillRef>
          <a:effectRef idx="0">
            <a:schemeClr val="accent1"/>
          </a:effectRef>
          <a:fontRef idx="minor">
            <a:schemeClr val="tx1"/>
          </a:fontRef>
        </p:style>
      </p:cxnSp>
      <p:pic>
        <p:nvPicPr>
          <p:cNvPr id="6" name="Picture 5">
            <a:extLst>
              <a:ext uri="{FF2B5EF4-FFF2-40B4-BE49-F238E27FC236}">
                <a16:creationId xmlns:a16="http://schemas.microsoft.com/office/drawing/2014/main" id="{E6E74792-00D5-9D87-D7F4-79A0D9C904F9}"/>
              </a:ext>
            </a:extLst>
          </p:cNvPr>
          <p:cNvPicPr>
            <a:picLocks noChangeAspect="1"/>
          </p:cNvPicPr>
          <p:nvPr/>
        </p:nvPicPr>
        <p:blipFill rotWithShape="1">
          <a:blip r:embed="rId3"/>
          <a:srcRect l="-1728" t="-2949" r="631" b="35638"/>
          <a:stretch/>
        </p:blipFill>
        <p:spPr>
          <a:xfrm>
            <a:off x="6732104" y="883814"/>
            <a:ext cx="5426023" cy="5974186"/>
          </a:xfrm>
          <a:prstGeom prst="rect">
            <a:avLst/>
          </a:prstGeom>
        </p:spPr>
      </p:pic>
    </p:spTree>
    <p:extLst>
      <p:ext uri="{BB962C8B-B14F-4D97-AF65-F5344CB8AC3E}">
        <p14:creationId xmlns:p14="http://schemas.microsoft.com/office/powerpoint/2010/main" val="256300794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6" name="Picture 15">
            <a:extLst>
              <a:ext uri="{FF2B5EF4-FFF2-40B4-BE49-F238E27FC236}">
                <a16:creationId xmlns:a16="http://schemas.microsoft.com/office/drawing/2014/main" id="{BAC13D1E-01C2-17CF-A032-351DED6CBFEB}"/>
              </a:ext>
            </a:extLst>
          </p:cNvPr>
          <p:cNvPicPr>
            <a:picLocks noChangeAspect="1"/>
          </p:cNvPicPr>
          <p:nvPr/>
        </p:nvPicPr>
        <p:blipFill rotWithShape="1">
          <a:blip r:embed="rId2"/>
          <a:srcRect b="33412"/>
          <a:stretch/>
        </p:blipFill>
        <p:spPr>
          <a:xfrm>
            <a:off x="5256679" y="223284"/>
            <a:ext cx="6024023" cy="6634716"/>
          </a:xfrm>
          <a:prstGeom prst="rect">
            <a:avLst/>
          </a:prstGeom>
        </p:spPr>
      </p:pic>
      <p:sp>
        <p:nvSpPr>
          <p:cNvPr id="20" name="Oval 19">
            <a:extLst>
              <a:ext uri="{FF2B5EF4-FFF2-40B4-BE49-F238E27FC236}">
                <a16:creationId xmlns:a16="http://schemas.microsoft.com/office/drawing/2014/main" id="{C51D35C1-12E7-1A5F-E717-3306656B0B55}"/>
              </a:ext>
            </a:extLst>
          </p:cNvPr>
          <p:cNvSpPr/>
          <p:nvPr/>
        </p:nvSpPr>
        <p:spPr>
          <a:xfrm>
            <a:off x="7757566" y="3226970"/>
            <a:ext cx="274320" cy="276677"/>
          </a:xfrm>
          <a:prstGeom prst="ellipse">
            <a:avLst/>
          </a:prstGeom>
          <a:solidFill>
            <a:schemeClr val="accent5"/>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1" name="Oval 20">
            <a:extLst>
              <a:ext uri="{FF2B5EF4-FFF2-40B4-BE49-F238E27FC236}">
                <a16:creationId xmlns:a16="http://schemas.microsoft.com/office/drawing/2014/main" id="{60AE2CB0-C3FE-4352-0738-301540DD4596}"/>
              </a:ext>
            </a:extLst>
          </p:cNvPr>
          <p:cNvSpPr/>
          <p:nvPr/>
        </p:nvSpPr>
        <p:spPr>
          <a:xfrm>
            <a:off x="6581953" y="1920941"/>
            <a:ext cx="274320" cy="276677"/>
          </a:xfrm>
          <a:prstGeom prst="ellipse">
            <a:avLst/>
          </a:prstGeom>
          <a:solidFill>
            <a:schemeClr val="accent5"/>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2" name="Oval 21">
            <a:extLst>
              <a:ext uri="{FF2B5EF4-FFF2-40B4-BE49-F238E27FC236}">
                <a16:creationId xmlns:a16="http://schemas.microsoft.com/office/drawing/2014/main" id="{FA15E7D7-55A2-9A51-8798-E316E23A4D70}"/>
              </a:ext>
            </a:extLst>
          </p:cNvPr>
          <p:cNvSpPr/>
          <p:nvPr/>
        </p:nvSpPr>
        <p:spPr>
          <a:xfrm>
            <a:off x="8951184" y="3763168"/>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3" name="Oval 22">
            <a:extLst>
              <a:ext uri="{FF2B5EF4-FFF2-40B4-BE49-F238E27FC236}">
                <a16:creationId xmlns:a16="http://schemas.microsoft.com/office/drawing/2014/main" id="{2AA9CB06-A9AF-6D96-D09C-1DC17D58A801}"/>
              </a:ext>
            </a:extLst>
          </p:cNvPr>
          <p:cNvSpPr/>
          <p:nvPr/>
        </p:nvSpPr>
        <p:spPr>
          <a:xfrm>
            <a:off x="6744345" y="2162782"/>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4" name="Oval 23">
            <a:extLst>
              <a:ext uri="{FF2B5EF4-FFF2-40B4-BE49-F238E27FC236}">
                <a16:creationId xmlns:a16="http://schemas.microsoft.com/office/drawing/2014/main" id="{02F281A9-9E03-E964-A4C6-2D85FC0A1C5A}"/>
              </a:ext>
            </a:extLst>
          </p:cNvPr>
          <p:cNvSpPr/>
          <p:nvPr/>
        </p:nvSpPr>
        <p:spPr>
          <a:xfrm>
            <a:off x="7311870" y="3592171"/>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5" name="Oval 24">
            <a:extLst>
              <a:ext uri="{FF2B5EF4-FFF2-40B4-BE49-F238E27FC236}">
                <a16:creationId xmlns:a16="http://schemas.microsoft.com/office/drawing/2014/main" id="{B47703DD-5CAD-AB86-0BE2-3479BF5BC1B3}"/>
              </a:ext>
            </a:extLst>
          </p:cNvPr>
          <p:cNvSpPr/>
          <p:nvPr/>
        </p:nvSpPr>
        <p:spPr>
          <a:xfrm>
            <a:off x="9088344" y="2223253"/>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6" name="Oval 25">
            <a:extLst>
              <a:ext uri="{FF2B5EF4-FFF2-40B4-BE49-F238E27FC236}">
                <a16:creationId xmlns:a16="http://schemas.microsoft.com/office/drawing/2014/main" id="{5E44405A-DD15-2C2B-6251-35ADAC775B7D}"/>
              </a:ext>
            </a:extLst>
          </p:cNvPr>
          <p:cNvSpPr/>
          <p:nvPr/>
        </p:nvSpPr>
        <p:spPr>
          <a:xfrm>
            <a:off x="6915499" y="2872219"/>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8" name="Oval 27">
            <a:extLst>
              <a:ext uri="{FF2B5EF4-FFF2-40B4-BE49-F238E27FC236}">
                <a16:creationId xmlns:a16="http://schemas.microsoft.com/office/drawing/2014/main" id="{92630DBC-A076-18F8-9ED1-3C27423608F6}"/>
              </a:ext>
            </a:extLst>
          </p:cNvPr>
          <p:cNvSpPr/>
          <p:nvPr/>
        </p:nvSpPr>
        <p:spPr>
          <a:xfrm>
            <a:off x="9380911" y="3010557"/>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 name="Oval 2">
            <a:extLst>
              <a:ext uri="{FF2B5EF4-FFF2-40B4-BE49-F238E27FC236}">
                <a16:creationId xmlns:a16="http://schemas.microsoft.com/office/drawing/2014/main" id="{CA4FCAA2-2589-A30E-707E-7979F8CEF747}"/>
              </a:ext>
            </a:extLst>
          </p:cNvPr>
          <p:cNvSpPr/>
          <p:nvPr/>
        </p:nvSpPr>
        <p:spPr>
          <a:xfrm>
            <a:off x="6262156" y="2453588"/>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4" name="Oval 3">
            <a:extLst>
              <a:ext uri="{FF2B5EF4-FFF2-40B4-BE49-F238E27FC236}">
                <a16:creationId xmlns:a16="http://schemas.microsoft.com/office/drawing/2014/main" id="{7EA220A4-DE04-772F-D825-B98D1A9DBAB0}"/>
              </a:ext>
            </a:extLst>
          </p:cNvPr>
          <p:cNvSpPr/>
          <p:nvPr/>
        </p:nvSpPr>
        <p:spPr>
          <a:xfrm>
            <a:off x="7181057" y="1920941"/>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6" name="Oval 5">
            <a:extLst>
              <a:ext uri="{FF2B5EF4-FFF2-40B4-BE49-F238E27FC236}">
                <a16:creationId xmlns:a16="http://schemas.microsoft.com/office/drawing/2014/main" id="{43D1D632-8D23-6310-D1EC-8A1DA1395470}"/>
              </a:ext>
            </a:extLst>
          </p:cNvPr>
          <p:cNvSpPr/>
          <p:nvPr/>
        </p:nvSpPr>
        <p:spPr>
          <a:xfrm>
            <a:off x="10698175" y="3217639"/>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7" name="Oval 6">
            <a:extLst>
              <a:ext uri="{FF2B5EF4-FFF2-40B4-BE49-F238E27FC236}">
                <a16:creationId xmlns:a16="http://schemas.microsoft.com/office/drawing/2014/main" id="{FC6ACD21-A154-AB8F-A727-A3E3FAA62406}"/>
              </a:ext>
            </a:extLst>
          </p:cNvPr>
          <p:cNvSpPr/>
          <p:nvPr/>
        </p:nvSpPr>
        <p:spPr>
          <a:xfrm>
            <a:off x="9088344" y="2561950"/>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0" name="Oval 9">
            <a:extLst>
              <a:ext uri="{FF2B5EF4-FFF2-40B4-BE49-F238E27FC236}">
                <a16:creationId xmlns:a16="http://schemas.microsoft.com/office/drawing/2014/main" id="{A1E9AA40-E460-B6AD-477D-B760196D3CA0}"/>
              </a:ext>
            </a:extLst>
          </p:cNvPr>
          <p:cNvSpPr/>
          <p:nvPr/>
        </p:nvSpPr>
        <p:spPr>
          <a:xfrm>
            <a:off x="8034830" y="2125850"/>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1" name="Oval 10">
            <a:extLst>
              <a:ext uri="{FF2B5EF4-FFF2-40B4-BE49-F238E27FC236}">
                <a16:creationId xmlns:a16="http://schemas.microsoft.com/office/drawing/2014/main" id="{D8FC1AA8-3F29-FA9A-3657-06BC5534E569}"/>
              </a:ext>
            </a:extLst>
          </p:cNvPr>
          <p:cNvSpPr/>
          <p:nvPr/>
        </p:nvSpPr>
        <p:spPr>
          <a:xfrm>
            <a:off x="8814024" y="1954294"/>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3" name="Oval 12">
            <a:extLst>
              <a:ext uri="{FF2B5EF4-FFF2-40B4-BE49-F238E27FC236}">
                <a16:creationId xmlns:a16="http://schemas.microsoft.com/office/drawing/2014/main" id="{1167F941-65E8-0E9C-7AF2-83E7A931D0C4}"/>
              </a:ext>
            </a:extLst>
          </p:cNvPr>
          <p:cNvSpPr/>
          <p:nvPr/>
        </p:nvSpPr>
        <p:spPr>
          <a:xfrm>
            <a:off x="6423572" y="2980581"/>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4" name="Oval 13">
            <a:extLst>
              <a:ext uri="{FF2B5EF4-FFF2-40B4-BE49-F238E27FC236}">
                <a16:creationId xmlns:a16="http://schemas.microsoft.com/office/drawing/2014/main" id="{96F87FDE-1469-D9E5-E3C1-F5E12551BD3C}"/>
              </a:ext>
            </a:extLst>
          </p:cNvPr>
          <p:cNvSpPr/>
          <p:nvPr/>
        </p:nvSpPr>
        <p:spPr>
          <a:xfrm>
            <a:off x="7402376" y="2315249"/>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5" name="Oval 14">
            <a:extLst>
              <a:ext uri="{FF2B5EF4-FFF2-40B4-BE49-F238E27FC236}">
                <a16:creationId xmlns:a16="http://schemas.microsoft.com/office/drawing/2014/main" id="{00AFFEC5-D74E-991C-EC10-F071E8A7A013}"/>
              </a:ext>
            </a:extLst>
          </p:cNvPr>
          <p:cNvSpPr/>
          <p:nvPr/>
        </p:nvSpPr>
        <p:spPr>
          <a:xfrm>
            <a:off x="7975478" y="3664688"/>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9" name="Oval 28">
            <a:extLst>
              <a:ext uri="{FF2B5EF4-FFF2-40B4-BE49-F238E27FC236}">
                <a16:creationId xmlns:a16="http://schemas.microsoft.com/office/drawing/2014/main" id="{D642C948-4A3C-EA7C-2A82-2D983CFF9EB8}"/>
              </a:ext>
            </a:extLst>
          </p:cNvPr>
          <p:cNvSpPr/>
          <p:nvPr/>
        </p:nvSpPr>
        <p:spPr>
          <a:xfrm>
            <a:off x="7963504" y="3134020"/>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5" name="Oval 4">
            <a:extLst>
              <a:ext uri="{FF2B5EF4-FFF2-40B4-BE49-F238E27FC236}">
                <a16:creationId xmlns:a16="http://schemas.microsoft.com/office/drawing/2014/main" id="{814AA9A0-788B-735E-086A-216C6BEB4C84}"/>
              </a:ext>
            </a:extLst>
          </p:cNvPr>
          <p:cNvSpPr/>
          <p:nvPr/>
        </p:nvSpPr>
        <p:spPr>
          <a:xfrm>
            <a:off x="7936651" y="3355978"/>
            <a:ext cx="274320" cy="276677"/>
          </a:xfrm>
          <a:prstGeom prst="ellipse">
            <a:avLst/>
          </a:prstGeom>
          <a:solidFill>
            <a:schemeClr val="accent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1" name="Oval 30">
            <a:extLst>
              <a:ext uri="{FF2B5EF4-FFF2-40B4-BE49-F238E27FC236}">
                <a16:creationId xmlns:a16="http://schemas.microsoft.com/office/drawing/2014/main" id="{9E7278E7-0A36-EE9F-3B19-1554FDC40D8A}"/>
              </a:ext>
            </a:extLst>
          </p:cNvPr>
          <p:cNvSpPr/>
          <p:nvPr/>
        </p:nvSpPr>
        <p:spPr>
          <a:xfrm>
            <a:off x="8463446" y="3289301"/>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3" name="Oval 32">
            <a:extLst>
              <a:ext uri="{FF2B5EF4-FFF2-40B4-BE49-F238E27FC236}">
                <a16:creationId xmlns:a16="http://schemas.microsoft.com/office/drawing/2014/main" id="{28B6FB0F-D80B-689A-E175-56248763287C}"/>
              </a:ext>
            </a:extLst>
          </p:cNvPr>
          <p:cNvSpPr/>
          <p:nvPr/>
        </p:nvSpPr>
        <p:spPr>
          <a:xfrm>
            <a:off x="8341724" y="3833184"/>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 name="Title 1">
            <a:extLst>
              <a:ext uri="{FF2B5EF4-FFF2-40B4-BE49-F238E27FC236}">
                <a16:creationId xmlns:a16="http://schemas.microsoft.com/office/drawing/2014/main" id="{F1BB7464-0A6A-AE6A-12DE-08BD6D2EF523}"/>
              </a:ext>
            </a:extLst>
          </p:cNvPr>
          <p:cNvSpPr txBox="1">
            <a:spLocks/>
          </p:cNvSpPr>
          <p:nvPr/>
        </p:nvSpPr>
        <p:spPr>
          <a:xfrm>
            <a:off x="353806" y="481478"/>
            <a:ext cx="7144740" cy="708879"/>
          </a:xfrm>
          <a:prstGeom prst="rect">
            <a:avLst/>
          </a:prstGeom>
          <a:noFill/>
          <a:ln>
            <a:noFill/>
          </a:ln>
        </p:spPr>
        <p:txBody>
          <a:bodyPr vert="horz" wrap="square" lIns="91440" tIns="45720" rIns="91440" bIns="45720" rtlCol="0" anchor="ctr" anchorCtr="0" compatLnSpc="1">
            <a:normAutofit/>
          </a:bodyPr>
          <a:lstStyle>
            <a:lvl1pPr algn="l" defTabSz="914400" rtl="0" eaLnBrk="1" latinLnBrk="0" hangingPunct="1">
              <a:lnSpc>
                <a:spcPct val="90000"/>
              </a:lnSpc>
              <a:spcBef>
                <a:spcPct val="0"/>
              </a:spcBef>
              <a:buNone/>
              <a:defRPr sz="4400" b="1" i="0" kern="1200">
                <a:solidFill>
                  <a:schemeClr val="accent1"/>
                </a:solidFill>
                <a:latin typeface="Calibri" panose="020F0502020204030204" pitchFamily="34" charset="0"/>
                <a:ea typeface="+mj-ea"/>
                <a:cs typeface="Calibri" panose="020F0502020204030204" pitchFamily="34" charset="0"/>
              </a:defRPr>
            </a:lvl1pPr>
          </a:lstStyle>
          <a:p>
            <a:pPr>
              <a:spcBef>
                <a:spcPts val="0"/>
              </a:spcBef>
            </a:pPr>
            <a:r>
              <a:rPr lang="en-US" sz="3200" dirty="0">
                <a:latin typeface="+mn-lt"/>
                <a:ea typeface="Calibri" panose="020F0502020204030204" pitchFamily="34" charset="0"/>
                <a:cs typeface="Times New Roman" panose="02020603050405020304" pitchFamily="18" charset="0"/>
              </a:rPr>
              <a:t>Current State Nursery Levels</a:t>
            </a:r>
          </a:p>
        </p:txBody>
      </p:sp>
      <p:sp>
        <p:nvSpPr>
          <p:cNvPr id="17" name="TextBox 16">
            <a:extLst>
              <a:ext uri="{FF2B5EF4-FFF2-40B4-BE49-F238E27FC236}">
                <a16:creationId xmlns:a16="http://schemas.microsoft.com/office/drawing/2014/main" id="{9DDE671D-21A9-4340-13D8-EF71C7472AA5}"/>
              </a:ext>
            </a:extLst>
          </p:cNvPr>
          <p:cNvSpPr txBox="1"/>
          <p:nvPr/>
        </p:nvSpPr>
        <p:spPr>
          <a:xfrm>
            <a:off x="353807" y="1571521"/>
            <a:ext cx="4567120" cy="4524315"/>
          </a:xfrm>
          <a:prstGeom prst="rect">
            <a:avLst/>
          </a:prstGeom>
          <a:noFill/>
        </p:spPr>
        <p:txBody>
          <a:bodyPr wrap="square">
            <a:spAutoFit/>
          </a:bodyPr>
          <a:lstStyle/>
          <a:p>
            <a:pPr marL="285750" indent="-285750">
              <a:buClr>
                <a:schemeClr val="accent1"/>
              </a:buClr>
              <a:buFont typeface="Arial" panose="020B0604020202020204" pitchFamily="34" charset="0"/>
              <a:buChar char="•"/>
            </a:pPr>
            <a:r>
              <a:rPr lang="en-US" sz="1600" b="1" dirty="0">
                <a:solidFill>
                  <a:schemeClr val="accent1"/>
                </a:solidFill>
                <a:effectLst/>
                <a:latin typeface="+mj-lt"/>
                <a:ea typeface="Calibri" panose="020F0502020204030204" pitchFamily="34" charset="0"/>
                <a:cs typeface="Times New Roman" panose="02020603050405020304" pitchFamily="18" charset="0"/>
              </a:rPr>
              <a:t>LEVEL III </a:t>
            </a:r>
            <a:r>
              <a:rPr lang="en-US" sz="1600" dirty="0">
                <a:effectLst/>
                <a:latin typeface="Cambria" panose="02040503050406030204" pitchFamily="18" charset="0"/>
                <a:ea typeface="Calibri" panose="020F0502020204030204" pitchFamily="34" charset="0"/>
                <a:cs typeface="Times New Roman" panose="02020603050405020304" pitchFamily="18" charset="0"/>
              </a:rPr>
              <a:t>– Provides care for patients requiring increasingly complex care and has a NICU. </a:t>
            </a:r>
            <a:br>
              <a:rPr lang="en-US" sz="1600" dirty="0">
                <a:effectLst/>
                <a:latin typeface="Cambria" panose="02040503050406030204" pitchFamily="18" charset="0"/>
                <a:ea typeface="Calibri" panose="020F0502020204030204" pitchFamily="34" charset="0"/>
                <a:cs typeface="Times New Roman" panose="02020603050405020304" pitchFamily="18" charset="0"/>
              </a:rPr>
            </a:br>
            <a:endParaRPr lang="en-US" sz="1600" dirty="0">
              <a:effectLst/>
              <a:latin typeface="Cambria" panose="02040503050406030204" pitchFamily="18" charset="0"/>
              <a:ea typeface="Calibri" panose="020F0502020204030204" pitchFamily="34" charset="0"/>
              <a:cs typeface="Times New Roman" panose="02020603050405020304" pitchFamily="18" charset="0"/>
            </a:endParaRPr>
          </a:p>
          <a:p>
            <a:pPr marL="285750" indent="-285750">
              <a:buClr>
                <a:schemeClr val="accent1"/>
              </a:buClr>
              <a:buFont typeface="Arial" panose="020B0604020202020204" pitchFamily="34" charset="0"/>
              <a:buChar char="•"/>
            </a:pPr>
            <a:r>
              <a:rPr lang="en-US" sz="1600" b="1" dirty="0">
                <a:solidFill>
                  <a:srgbClr val="00B0F0"/>
                </a:solidFill>
                <a:effectLst/>
                <a:ea typeface="Calibri" panose="020F0502020204030204" pitchFamily="34" charset="0"/>
                <a:cs typeface="Times New Roman" panose="02020603050405020304" pitchFamily="18" charset="0"/>
              </a:rPr>
              <a:t>LEVEL IIE </a:t>
            </a:r>
            <a:r>
              <a:rPr lang="en-US" sz="1600" dirty="0">
                <a:effectLst/>
                <a:latin typeface="Cambria" panose="02040503050406030204" pitchFamily="18" charset="0"/>
                <a:ea typeface="Calibri" panose="020F0502020204030204" pitchFamily="34" charset="0"/>
                <a:cs typeface="Times New Roman" panose="02020603050405020304" pitchFamily="18" charset="0"/>
              </a:rPr>
              <a:t>– Has extended neonatal capabilities and provides care to pregnant women and newborns at moderate risk. No NICU or special care nursery.</a:t>
            </a:r>
            <a:br>
              <a:rPr lang="en-US" sz="1600" dirty="0">
                <a:effectLst/>
                <a:latin typeface="Cambria" panose="02040503050406030204" pitchFamily="18" charset="0"/>
                <a:ea typeface="Calibri" panose="020F0502020204030204" pitchFamily="34" charset="0"/>
                <a:cs typeface="Times New Roman" panose="02020603050405020304" pitchFamily="18" charset="0"/>
              </a:rPr>
            </a:br>
            <a:endParaRPr lang="en-US" sz="1600" dirty="0">
              <a:effectLst/>
              <a:latin typeface="Cambria" panose="02040503050406030204" pitchFamily="18" charset="0"/>
              <a:ea typeface="Calibri" panose="020F0502020204030204" pitchFamily="34" charset="0"/>
              <a:cs typeface="Times New Roman" panose="02020603050405020304" pitchFamily="18" charset="0"/>
            </a:endParaRPr>
          </a:p>
          <a:p>
            <a:pPr marL="285750" indent="-285750">
              <a:buClr>
                <a:schemeClr val="accent1"/>
              </a:buClr>
              <a:buFont typeface="Arial" panose="020B0604020202020204" pitchFamily="34" charset="0"/>
              <a:buChar char="•"/>
            </a:pPr>
            <a:r>
              <a:rPr lang="en-US" sz="1600" b="1" dirty="0">
                <a:solidFill>
                  <a:srgbClr val="7030A0"/>
                </a:solidFill>
                <a:effectLst/>
                <a:latin typeface="+mj-lt"/>
                <a:ea typeface="Calibri" panose="020F0502020204030204" pitchFamily="34" charset="0"/>
                <a:cs typeface="Times New Roman" panose="02020603050405020304" pitchFamily="18" charset="0"/>
              </a:rPr>
              <a:t>LEVEL II </a:t>
            </a:r>
            <a:r>
              <a:rPr lang="en-US" sz="1600" dirty="0">
                <a:effectLst/>
                <a:latin typeface="Cambria" panose="02040503050406030204" pitchFamily="18" charset="0"/>
                <a:ea typeface="Calibri" panose="020F0502020204030204" pitchFamily="34" charset="0"/>
                <a:cs typeface="Times New Roman" panose="02020603050405020304" pitchFamily="18" charset="0"/>
              </a:rPr>
              <a:t>– Provides care to women with low-risk pregnancies. Operates intermediate care nursery but no NICU or special care nursery.</a:t>
            </a:r>
            <a:br>
              <a:rPr lang="en-US" sz="1600" dirty="0">
                <a:effectLst/>
                <a:latin typeface="Cambria" panose="02040503050406030204" pitchFamily="18" charset="0"/>
                <a:ea typeface="Calibri" panose="020F0502020204030204" pitchFamily="34" charset="0"/>
                <a:cs typeface="Times New Roman" panose="02020603050405020304" pitchFamily="18" charset="0"/>
              </a:rPr>
            </a:br>
            <a:endParaRPr lang="en-US" sz="1600" dirty="0">
              <a:effectLst/>
              <a:latin typeface="Cambria" panose="02040503050406030204" pitchFamily="18" charset="0"/>
              <a:ea typeface="Calibri" panose="020F0502020204030204" pitchFamily="34" charset="0"/>
              <a:cs typeface="Times New Roman" panose="02020603050405020304" pitchFamily="18" charset="0"/>
            </a:endParaRPr>
          </a:p>
          <a:p>
            <a:pPr marL="285750" indent="-285750">
              <a:buClr>
                <a:schemeClr val="accent1"/>
              </a:buClr>
              <a:buFont typeface="Arial" panose="020B0604020202020204" pitchFamily="34" charset="0"/>
              <a:buChar char="•"/>
            </a:pPr>
            <a:r>
              <a:rPr lang="en-US" sz="1600" b="1" dirty="0">
                <a:solidFill>
                  <a:srgbClr val="FFC000"/>
                </a:solidFill>
                <a:latin typeface="+mj-lt"/>
                <a:ea typeface="Calibri" panose="020F0502020204030204" pitchFamily="34" charset="0"/>
                <a:cs typeface="Times New Roman" panose="02020603050405020304" pitchFamily="18" charset="0"/>
              </a:rPr>
              <a:t>LEVEL I </a:t>
            </a:r>
            <a:r>
              <a:rPr lang="en-US" sz="1600" dirty="0">
                <a:latin typeface="Cambria" panose="02040503050406030204" pitchFamily="18" charset="0"/>
                <a:ea typeface="Calibri" panose="020F0502020204030204" pitchFamily="34" charset="0"/>
                <a:cs typeface="Times New Roman" panose="02020603050405020304" pitchFamily="18" charset="0"/>
              </a:rPr>
              <a:t>– Hospitals that provide care to low-risk pregnant women and newborns, operate general care nurseries and do not operate an NICU or Special Care Nursery.</a:t>
            </a:r>
            <a:endParaRPr lang="en-US" sz="1600" dirty="0">
              <a:effectLst/>
              <a:latin typeface="Cambria" panose="02040503050406030204" pitchFamily="18" charset="0"/>
              <a:ea typeface="Calibri" panose="020F0502020204030204" pitchFamily="34" charset="0"/>
              <a:cs typeface="Times New Roman" panose="02020603050405020304" pitchFamily="18" charset="0"/>
            </a:endParaRPr>
          </a:p>
          <a:p>
            <a:pPr marL="285750" marR="0" indent="-285750">
              <a:spcBef>
                <a:spcPts val="0"/>
              </a:spcBef>
              <a:spcAft>
                <a:spcPts val="0"/>
              </a:spcAft>
              <a:buClr>
                <a:schemeClr val="accent1"/>
              </a:buClr>
              <a:buFont typeface="Arial" panose="020B0604020202020204" pitchFamily="34" charset="0"/>
              <a:buChar char="•"/>
            </a:pPr>
            <a:endParaRPr lang="en-US" sz="1600" b="1" dirty="0">
              <a:solidFill>
                <a:srgbClr val="C00000"/>
              </a:solidFill>
              <a:effectLst/>
              <a:latin typeface="+mj-lt"/>
              <a:ea typeface="Calibri" panose="020F0502020204030204" pitchFamily="34" charset="0"/>
              <a:cs typeface="Times New Roman" panose="02020603050405020304" pitchFamily="18" charset="0"/>
            </a:endParaRPr>
          </a:p>
          <a:p>
            <a:pPr marL="285750" marR="0" indent="-285750">
              <a:spcBef>
                <a:spcPts val="0"/>
              </a:spcBef>
              <a:spcAft>
                <a:spcPts val="0"/>
              </a:spcAft>
              <a:buClr>
                <a:schemeClr val="accent1"/>
              </a:buClr>
              <a:buFont typeface="Arial" panose="020B0604020202020204" pitchFamily="34" charset="0"/>
              <a:buChar char="•"/>
            </a:pPr>
            <a:r>
              <a:rPr lang="en-US" sz="1600" b="1" dirty="0">
                <a:solidFill>
                  <a:srgbClr val="C00000"/>
                </a:solidFill>
                <a:effectLst/>
                <a:latin typeface="+mj-lt"/>
                <a:ea typeface="Calibri" panose="020F0502020204030204" pitchFamily="34" charset="0"/>
                <a:cs typeface="Times New Roman" panose="02020603050405020304" pitchFamily="18" charset="0"/>
              </a:rPr>
              <a:t>LEVEL 0 </a:t>
            </a:r>
            <a:r>
              <a:rPr lang="en-US" sz="1600" dirty="0">
                <a:effectLst/>
                <a:latin typeface="Cambria" panose="02040503050406030204" pitchFamily="18" charset="0"/>
                <a:ea typeface="Calibri" panose="020F0502020204030204" pitchFamily="34" charset="0"/>
                <a:cs typeface="Times New Roman" panose="02020603050405020304" pitchFamily="18" charset="0"/>
              </a:rPr>
              <a:t>– No obstetrics services</a:t>
            </a:r>
          </a:p>
        </p:txBody>
      </p:sp>
      <p:sp>
        <p:nvSpPr>
          <p:cNvPr id="30" name="Oval 29">
            <a:extLst>
              <a:ext uri="{FF2B5EF4-FFF2-40B4-BE49-F238E27FC236}">
                <a16:creationId xmlns:a16="http://schemas.microsoft.com/office/drawing/2014/main" id="{8AADB7B7-D2B4-F600-0D34-A869E060393C}"/>
              </a:ext>
            </a:extLst>
          </p:cNvPr>
          <p:cNvSpPr/>
          <p:nvPr/>
        </p:nvSpPr>
        <p:spPr>
          <a:xfrm>
            <a:off x="6351001" y="3724786"/>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2" name="Oval 31">
            <a:extLst>
              <a:ext uri="{FF2B5EF4-FFF2-40B4-BE49-F238E27FC236}">
                <a16:creationId xmlns:a16="http://schemas.microsoft.com/office/drawing/2014/main" id="{FCD7AFC5-0B8E-DC0A-7D79-964F2C29F457}"/>
              </a:ext>
            </a:extLst>
          </p:cNvPr>
          <p:cNvSpPr/>
          <p:nvPr/>
        </p:nvSpPr>
        <p:spPr>
          <a:xfrm>
            <a:off x="9116214" y="3632655"/>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8" name="Oval 17">
            <a:extLst>
              <a:ext uri="{FF2B5EF4-FFF2-40B4-BE49-F238E27FC236}">
                <a16:creationId xmlns:a16="http://schemas.microsoft.com/office/drawing/2014/main" id="{5DD6542D-4A54-D4D6-46D6-044CFDAFFE7A}"/>
              </a:ext>
            </a:extLst>
          </p:cNvPr>
          <p:cNvSpPr/>
          <p:nvPr/>
        </p:nvSpPr>
        <p:spPr>
          <a:xfrm>
            <a:off x="9995392" y="4315844"/>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7" name="Oval 26">
            <a:extLst>
              <a:ext uri="{FF2B5EF4-FFF2-40B4-BE49-F238E27FC236}">
                <a16:creationId xmlns:a16="http://schemas.microsoft.com/office/drawing/2014/main" id="{F28B2066-A9DF-7A0C-6951-5BD11694113A}"/>
              </a:ext>
            </a:extLst>
          </p:cNvPr>
          <p:cNvSpPr/>
          <p:nvPr/>
        </p:nvSpPr>
        <p:spPr>
          <a:xfrm>
            <a:off x="5676368" y="3868848"/>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8" name="Oval 7">
            <a:extLst>
              <a:ext uri="{FF2B5EF4-FFF2-40B4-BE49-F238E27FC236}">
                <a16:creationId xmlns:a16="http://schemas.microsoft.com/office/drawing/2014/main" id="{39AB738D-5440-8C52-5ABB-B5E4C8A6FB6F}"/>
              </a:ext>
            </a:extLst>
          </p:cNvPr>
          <p:cNvSpPr/>
          <p:nvPr/>
        </p:nvSpPr>
        <p:spPr>
          <a:xfrm>
            <a:off x="8816718" y="2264188"/>
            <a:ext cx="274320" cy="273705"/>
          </a:xfrm>
          <a:prstGeom prst="ellipse">
            <a:avLst/>
          </a:prstGeom>
          <a:solidFill>
            <a:srgbClr val="C000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Oval 8">
            <a:extLst>
              <a:ext uri="{FF2B5EF4-FFF2-40B4-BE49-F238E27FC236}">
                <a16:creationId xmlns:a16="http://schemas.microsoft.com/office/drawing/2014/main" id="{F34C1516-AA80-199A-A525-12F8D9716C76}"/>
              </a:ext>
            </a:extLst>
          </p:cNvPr>
          <p:cNvSpPr/>
          <p:nvPr/>
        </p:nvSpPr>
        <p:spPr>
          <a:xfrm>
            <a:off x="10698175" y="4315844"/>
            <a:ext cx="274320" cy="276677"/>
          </a:xfrm>
          <a:prstGeom prst="ellipse">
            <a:avLst/>
          </a:prstGeom>
          <a:solidFill>
            <a:srgbClr val="7030A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413820497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2" name="Picture 31">
            <a:extLst>
              <a:ext uri="{FF2B5EF4-FFF2-40B4-BE49-F238E27FC236}">
                <a16:creationId xmlns:a16="http://schemas.microsoft.com/office/drawing/2014/main" id="{632EDBE1-29FA-FC57-9058-8974DF7C8DD6}"/>
              </a:ext>
            </a:extLst>
          </p:cNvPr>
          <p:cNvPicPr>
            <a:picLocks noChangeAspect="1"/>
          </p:cNvPicPr>
          <p:nvPr/>
        </p:nvPicPr>
        <p:blipFill rotWithShape="1">
          <a:blip r:embed="rId2"/>
          <a:srcRect b="33412"/>
          <a:stretch/>
        </p:blipFill>
        <p:spPr>
          <a:xfrm>
            <a:off x="5256679" y="186289"/>
            <a:ext cx="6024023" cy="6634716"/>
          </a:xfrm>
          <a:prstGeom prst="rect">
            <a:avLst/>
          </a:prstGeom>
        </p:spPr>
      </p:pic>
      <p:sp>
        <p:nvSpPr>
          <p:cNvPr id="8" name="Title 1">
            <a:extLst>
              <a:ext uri="{FF2B5EF4-FFF2-40B4-BE49-F238E27FC236}">
                <a16:creationId xmlns:a16="http://schemas.microsoft.com/office/drawing/2014/main" id="{DE03E174-D621-2ECF-E308-2BD6BDAAEFA5}"/>
              </a:ext>
            </a:extLst>
          </p:cNvPr>
          <p:cNvSpPr txBox="1">
            <a:spLocks/>
          </p:cNvSpPr>
          <p:nvPr/>
        </p:nvSpPr>
        <p:spPr>
          <a:xfrm>
            <a:off x="327452" y="67932"/>
            <a:ext cx="7144740" cy="1278455"/>
          </a:xfrm>
          <a:prstGeom prst="rect">
            <a:avLst/>
          </a:prstGeom>
          <a:noFill/>
          <a:ln>
            <a:noFill/>
          </a:ln>
        </p:spPr>
        <p:txBody>
          <a:bodyPr vert="horz" wrap="square" lIns="91440" tIns="45720" rIns="91440" bIns="45720" rtlCol="0" anchor="ctr" anchorCtr="0" compatLnSpc="1">
            <a:normAutofit/>
          </a:bodyPr>
          <a:lstStyle>
            <a:lvl1pPr algn="l" defTabSz="914400" rtl="0" eaLnBrk="1" latinLnBrk="0" hangingPunct="1">
              <a:lnSpc>
                <a:spcPct val="90000"/>
              </a:lnSpc>
              <a:spcBef>
                <a:spcPct val="0"/>
              </a:spcBef>
              <a:buNone/>
              <a:defRPr sz="4400" b="1" i="0" kern="1200">
                <a:solidFill>
                  <a:schemeClr val="accent1"/>
                </a:solidFill>
                <a:latin typeface="Calibri" panose="020F0502020204030204" pitchFamily="34" charset="0"/>
                <a:ea typeface="+mj-ea"/>
                <a:cs typeface="Calibri" panose="020F0502020204030204" pitchFamily="34" charset="0"/>
              </a:defRPr>
            </a:lvl1pPr>
          </a:lstStyle>
          <a:p>
            <a:pPr>
              <a:spcBef>
                <a:spcPts val="0"/>
              </a:spcBef>
            </a:pPr>
            <a:r>
              <a:rPr lang="en-US" sz="3200" dirty="0">
                <a:latin typeface="+mn-lt"/>
                <a:ea typeface="Calibri" panose="020F0502020204030204" pitchFamily="34" charset="0"/>
                <a:cs typeface="Times New Roman" panose="02020603050405020304" pitchFamily="18" charset="0"/>
              </a:rPr>
              <a:t>North Central Illinois </a:t>
            </a:r>
            <a:br>
              <a:rPr lang="en-US" sz="3200" dirty="0">
                <a:latin typeface="+mn-lt"/>
                <a:ea typeface="Calibri" panose="020F0502020204030204" pitchFamily="34" charset="0"/>
                <a:cs typeface="Times New Roman" panose="02020603050405020304" pitchFamily="18" charset="0"/>
              </a:rPr>
            </a:br>
            <a:r>
              <a:rPr lang="en-US" sz="3200" dirty="0">
                <a:latin typeface="+mn-lt"/>
                <a:ea typeface="Calibri" panose="020F0502020204030204" pitchFamily="34" charset="0"/>
                <a:cs typeface="Times New Roman" panose="02020603050405020304" pitchFamily="18" charset="0"/>
              </a:rPr>
              <a:t>Perinatal Network Hospitals</a:t>
            </a:r>
          </a:p>
        </p:txBody>
      </p:sp>
      <p:sp>
        <p:nvSpPr>
          <p:cNvPr id="19" name="Oval 18">
            <a:extLst>
              <a:ext uri="{FF2B5EF4-FFF2-40B4-BE49-F238E27FC236}">
                <a16:creationId xmlns:a16="http://schemas.microsoft.com/office/drawing/2014/main" id="{C6E84BD0-14BD-98CE-DB09-5FAB6C2AFEC1}"/>
              </a:ext>
            </a:extLst>
          </p:cNvPr>
          <p:cNvSpPr/>
          <p:nvPr/>
        </p:nvSpPr>
        <p:spPr>
          <a:xfrm>
            <a:off x="9995392" y="4315844"/>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0" name="Oval 19">
            <a:extLst>
              <a:ext uri="{FF2B5EF4-FFF2-40B4-BE49-F238E27FC236}">
                <a16:creationId xmlns:a16="http://schemas.microsoft.com/office/drawing/2014/main" id="{C51D35C1-12E7-1A5F-E717-3306656B0B55}"/>
              </a:ext>
            </a:extLst>
          </p:cNvPr>
          <p:cNvSpPr/>
          <p:nvPr/>
        </p:nvSpPr>
        <p:spPr>
          <a:xfrm>
            <a:off x="7757566" y="3226970"/>
            <a:ext cx="274320" cy="276677"/>
          </a:xfrm>
          <a:prstGeom prst="ellipse">
            <a:avLst/>
          </a:prstGeom>
          <a:solidFill>
            <a:schemeClr val="accent5"/>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1</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1" name="Oval 20">
            <a:extLst>
              <a:ext uri="{FF2B5EF4-FFF2-40B4-BE49-F238E27FC236}">
                <a16:creationId xmlns:a16="http://schemas.microsoft.com/office/drawing/2014/main" id="{60AE2CB0-C3FE-4352-0738-301540DD4596}"/>
              </a:ext>
            </a:extLst>
          </p:cNvPr>
          <p:cNvSpPr/>
          <p:nvPr/>
        </p:nvSpPr>
        <p:spPr>
          <a:xfrm>
            <a:off x="6581953" y="1920941"/>
            <a:ext cx="274320" cy="276677"/>
          </a:xfrm>
          <a:prstGeom prst="ellipse">
            <a:avLst/>
          </a:prstGeom>
          <a:solidFill>
            <a:schemeClr val="accent5"/>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2</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2" name="Oval 21">
            <a:extLst>
              <a:ext uri="{FF2B5EF4-FFF2-40B4-BE49-F238E27FC236}">
                <a16:creationId xmlns:a16="http://schemas.microsoft.com/office/drawing/2014/main" id="{FA15E7D7-55A2-9A51-8798-E316E23A4D70}"/>
              </a:ext>
            </a:extLst>
          </p:cNvPr>
          <p:cNvSpPr/>
          <p:nvPr/>
        </p:nvSpPr>
        <p:spPr>
          <a:xfrm>
            <a:off x="8951184" y="3763168"/>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rPr>
              <a:t>1</a:t>
            </a:r>
          </a:p>
        </p:txBody>
      </p:sp>
      <p:sp>
        <p:nvSpPr>
          <p:cNvPr id="23" name="Oval 22">
            <a:extLst>
              <a:ext uri="{FF2B5EF4-FFF2-40B4-BE49-F238E27FC236}">
                <a16:creationId xmlns:a16="http://schemas.microsoft.com/office/drawing/2014/main" id="{2AA9CB06-A9AF-6D96-D09C-1DC17D58A801}"/>
              </a:ext>
            </a:extLst>
          </p:cNvPr>
          <p:cNvSpPr/>
          <p:nvPr/>
        </p:nvSpPr>
        <p:spPr>
          <a:xfrm>
            <a:off x="6744345" y="2162782"/>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rPr>
              <a:t>2</a:t>
            </a:r>
          </a:p>
        </p:txBody>
      </p:sp>
      <p:sp>
        <p:nvSpPr>
          <p:cNvPr id="24" name="Oval 23">
            <a:extLst>
              <a:ext uri="{FF2B5EF4-FFF2-40B4-BE49-F238E27FC236}">
                <a16:creationId xmlns:a16="http://schemas.microsoft.com/office/drawing/2014/main" id="{02F281A9-9E03-E964-A4C6-2D85FC0A1C5A}"/>
              </a:ext>
            </a:extLst>
          </p:cNvPr>
          <p:cNvSpPr/>
          <p:nvPr/>
        </p:nvSpPr>
        <p:spPr>
          <a:xfrm>
            <a:off x="7311870" y="3592171"/>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3</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5" name="Oval 24">
            <a:extLst>
              <a:ext uri="{FF2B5EF4-FFF2-40B4-BE49-F238E27FC236}">
                <a16:creationId xmlns:a16="http://schemas.microsoft.com/office/drawing/2014/main" id="{B47703DD-5CAD-AB86-0BE2-3479BF5BC1B3}"/>
              </a:ext>
            </a:extLst>
          </p:cNvPr>
          <p:cNvSpPr/>
          <p:nvPr/>
        </p:nvSpPr>
        <p:spPr>
          <a:xfrm>
            <a:off x="9088344" y="2223253"/>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4</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6" name="Oval 25">
            <a:extLst>
              <a:ext uri="{FF2B5EF4-FFF2-40B4-BE49-F238E27FC236}">
                <a16:creationId xmlns:a16="http://schemas.microsoft.com/office/drawing/2014/main" id="{5E44405A-DD15-2C2B-6251-35ADAC775B7D}"/>
              </a:ext>
            </a:extLst>
          </p:cNvPr>
          <p:cNvSpPr/>
          <p:nvPr/>
        </p:nvSpPr>
        <p:spPr>
          <a:xfrm>
            <a:off x="6915499" y="2872219"/>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5</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7" name="Oval 26">
            <a:extLst>
              <a:ext uri="{FF2B5EF4-FFF2-40B4-BE49-F238E27FC236}">
                <a16:creationId xmlns:a16="http://schemas.microsoft.com/office/drawing/2014/main" id="{B7E376E3-3C56-8DD9-4B54-DCE39DF3F96F}"/>
              </a:ext>
            </a:extLst>
          </p:cNvPr>
          <p:cNvSpPr/>
          <p:nvPr/>
        </p:nvSpPr>
        <p:spPr>
          <a:xfrm>
            <a:off x="6351001" y="3724786"/>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6</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8" name="Oval 27">
            <a:extLst>
              <a:ext uri="{FF2B5EF4-FFF2-40B4-BE49-F238E27FC236}">
                <a16:creationId xmlns:a16="http://schemas.microsoft.com/office/drawing/2014/main" id="{92630DBC-A076-18F8-9ED1-3C27423608F6}"/>
              </a:ext>
            </a:extLst>
          </p:cNvPr>
          <p:cNvSpPr/>
          <p:nvPr/>
        </p:nvSpPr>
        <p:spPr>
          <a:xfrm>
            <a:off x="9380911" y="3010557"/>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 name="Oval 2">
            <a:extLst>
              <a:ext uri="{FF2B5EF4-FFF2-40B4-BE49-F238E27FC236}">
                <a16:creationId xmlns:a16="http://schemas.microsoft.com/office/drawing/2014/main" id="{CA4FCAA2-2589-A30E-707E-7979F8CEF747}"/>
              </a:ext>
            </a:extLst>
          </p:cNvPr>
          <p:cNvSpPr/>
          <p:nvPr/>
        </p:nvSpPr>
        <p:spPr>
          <a:xfrm>
            <a:off x="6262156" y="2453588"/>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4" name="Oval 3">
            <a:extLst>
              <a:ext uri="{FF2B5EF4-FFF2-40B4-BE49-F238E27FC236}">
                <a16:creationId xmlns:a16="http://schemas.microsoft.com/office/drawing/2014/main" id="{7EA220A4-DE04-772F-D825-B98D1A9DBAB0}"/>
              </a:ext>
            </a:extLst>
          </p:cNvPr>
          <p:cNvSpPr/>
          <p:nvPr/>
        </p:nvSpPr>
        <p:spPr>
          <a:xfrm>
            <a:off x="7181057" y="1920941"/>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6" name="Oval 5">
            <a:extLst>
              <a:ext uri="{FF2B5EF4-FFF2-40B4-BE49-F238E27FC236}">
                <a16:creationId xmlns:a16="http://schemas.microsoft.com/office/drawing/2014/main" id="{43D1D632-8D23-6310-D1EC-8A1DA1395470}"/>
              </a:ext>
            </a:extLst>
          </p:cNvPr>
          <p:cNvSpPr/>
          <p:nvPr/>
        </p:nvSpPr>
        <p:spPr>
          <a:xfrm>
            <a:off x="10698175" y="3217639"/>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7" name="Oval 6">
            <a:extLst>
              <a:ext uri="{FF2B5EF4-FFF2-40B4-BE49-F238E27FC236}">
                <a16:creationId xmlns:a16="http://schemas.microsoft.com/office/drawing/2014/main" id="{FC6ACD21-A154-AB8F-A727-A3E3FAA62406}"/>
              </a:ext>
            </a:extLst>
          </p:cNvPr>
          <p:cNvSpPr/>
          <p:nvPr/>
        </p:nvSpPr>
        <p:spPr>
          <a:xfrm>
            <a:off x="9088344" y="2561950"/>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0" name="Oval 9">
            <a:extLst>
              <a:ext uri="{FF2B5EF4-FFF2-40B4-BE49-F238E27FC236}">
                <a16:creationId xmlns:a16="http://schemas.microsoft.com/office/drawing/2014/main" id="{A1E9AA40-E460-B6AD-477D-B760196D3CA0}"/>
              </a:ext>
            </a:extLst>
          </p:cNvPr>
          <p:cNvSpPr/>
          <p:nvPr/>
        </p:nvSpPr>
        <p:spPr>
          <a:xfrm>
            <a:off x="8034830" y="2125850"/>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1" name="Oval 10">
            <a:extLst>
              <a:ext uri="{FF2B5EF4-FFF2-40B4-BE49-F238E27FC236}">
                <a16:creationId xmlns:a16="http://schemas.microsoft.com/office/drawing/2014/main" id="{D8FC1AA8-3F29-FA9A-3657-06BC5534E569}"/>
              </a:ext>
            </a:extLst>
          </p:cNvPr>
          <p:cNvSpPr/>
          <p:nvPr/>
        </p:nvSpPr>
        <p:spPr>
          <a:xfrm>
            <a:off x="8814024" y="1954294"/>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3" name="Oval 12">
            <a:extLst>
              <a:ext uri="{FF2B5EF4-FFF2-40B4-BE49-F238E27FC236}">
                <a16:creationId xmlns:a16="http://schemas.microsoft.com/office/drawing/2014/main" id="{1167F941-65E8-0E9C-7AF2-83E7A931D0C4}"/>
              </a:ext>
            </a:extLst>
          </p:cNvPr>
          <p:cNvSpPr/>
          <p:nvPr/>
        </p:nvSpPr>
        <p:spPr>
          <a:xfrm>
            <a:off x="6423572" y="2980581"/>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4" name="Oval 13">
            <a:extLst>
              <a:ext uri="{FF2B5EF4-FFF2-40B4-BE49-F238E27FC236}">
                <a16:creationId xmlns:a16="http://schemas.microsoft.com/office/drawing/2014/main" id="{96F87FDE-1469-D9E5-E3C1-F5E12551BD3C}"/>
              </a:ext>
            </a:extLst>
          </p:cNvPr>
          <p:cNvSpPr/>
          <p:nvPr/>
        </p:nvSpPr>
        <p:spPr>
          <a:xfrm>
            <a:off x="7402376" y="2315249"/>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5" name="Oval 14">
            <a:extLst>
              <a:ext uri="{FF2B5EF4-FFF2-40B4-BE49-F238E27FC236}">
                <a16:creationId xmlns:a16="http://schemas.microsoft.com/office/drawing/2014/main" id="{00AFFEC5-D74E-991C-EC10-F071E8A7A013}"/>
              </a:ext>
            </a:extLst>
          </p:cNvPr>
          <p:cNvSpPr/>
          <p:nvPr/>
        </p:nvSpPr>
        <p:spPr>
          <a:xfrm>
            <a:off x="7975478" y="3664688"/>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9" name="Oval 28">
            <a:extLst>
              <a:ext uri="{FF2B5EF4-FFF2-40B4-BE49-F238E27FC236}">
                <a16:creationId xmlns:a16="http://schemas.microsoft.com/office/drawing/2014/main" id="{D642C948-4A3C-EA7C-2A82-2D983CFF9EB8}"/>
              </a:ext>
            </a:extLst>
          </p:cNvPr>
          <p:cNvSpPr/>
          <p:nvPr/>
        </p:nvSpPr>
        <p:spPr>
          <a:xfrm>
            <a:off x="7963504" y="3134020"/>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5" name="Oval 4">
            <a:extLst>
              <a:ext uri="{FF2B5EF4-FFF2-40B4-BE49-F238E27FC236}">
                <a16:creationId xmlns:a16="http://schemas.microsoft.com/office/drawing/2014/main" id="{814AA9A0-788B-735E-086A-216C6BEB4C84}"/>
              </a:ext>
            </a:extLst>
          </p:cNvPr>
          <p:cNvSpPr/>
          <p:nvPr/>
        </p:nvSpPr>
        <p:spPr>
          <a:xfrm>
            <a:off x="7936651" y="3355978"/>
            <a:ext cx="274320" cy="276677"/>
          </a:xfrm>
          <a:prstGeom prst="ellipse">
            <a:avLst/>
          </a:prstGeom>
          <a:solidFill>
            <a:schemeClr val="accent1"/>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1</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1" name="Oval 30">
            <a:extLst>
              <a:ext uri="{FF2B5EF4-FFF2-40B4-BE49-F238E27FC236}">
                <a16:creationId xmlns:a16="http://schemas.microsoft.com/office/drawing/2014/main" id="{9E7278E7-0A36-EE9F-3B19-1554FDC40D8A}"/>
              </a:ext>
            </a:extLst>
          </p:cNvPr>
          <p:cNvSpPr/>
          <p:nvPr/>
        </p:nvSpPr>
        <p:spPr>
          <a:xfrm>
            <a:off x="8463446" y="3289301"/>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33" name="Oval 32">
            <a:extLst>
              <a:ext uri="{FF2B5EF4-FFF2-40B4-BE49-F238E27FC236}">
                <a16:creationId xmlns:a16="http://schemas.microsoft.com/office/drawing/2014/main" id="{28B6FB0F-D80B-689A-E175-56248763287C}"/>
              </a:ext>
            </a:extLst>
          </p:cNvPr>
          <p:cNvSpPr/>
          <p:nvPr/>
        </p:nvSpPr>
        <p:spPr>
          <a:xfrm>
            <a:off x="8341724" y="3833184"/>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7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9" name="Content Placeholder 2">
            <a:extLst>
              <a:ext uri="{FF2B5EF4-FFF2-40B4-BE49-F238E27FC236}">
                <a16:creationId xmlns:a16="http://schemas.microsoft.com/office/drawing/2014/main" id="{E96D939F-2A75-4517-A3E4-0BDC85007BFA}"/>
              </a:ext>
            </a:extLst>
          </p:cNvPr>
          <p:cNvSpPr txBox="1">
            <a:spLocks/>
          </p:cNvSpPr>
          <p:nvPr/>
        </p:nvSpPr>
        <p:spPr>
          <a:xfrm>
            <a:off x="340819" y="1368090"/>
            <a:ext cx="4193810" cy="5253774"/>
          </a:xfrm>
          <a:prstGeom prst="rect">
            <a:avLst/>
          </a:prstGeom>
        </p:spPr>
        <p:txBody>
          <a:bodyPr vert="horz" lIns="91440" tIns="45720" rIns="91440" bIns="45720" rtlCol="0">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Cambria" panose="02040503050406030204" pitchFamily="18" charset="0"/>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Cambria" panose="02040503050406030204" pitchFamily="18" charset="0"/>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Cambria" panose="02040503050406030204" pitchFamily="18" charset="0"/>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Cambria" panose="02040503050406030204" pitchFamily="18"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200"/>
              </a:spcBef>
              <a:spcAft>
                <a:spcPts val="200"/>
              </a:spcAft>
              <a:buNone/>
            </a:pPr>
            <a:r>
              <a:rPr lang="en-US" sz="1600" b="1" cap="all" dirty="0">
                <a:solidFill>
                  <a:srgbClr val="64A70B"/>
                </a:solidFill>
                <a:ea typeface="Times New Roman" panose="02020603050405020304" pitchFamily="18" charset="0"/>
                <a:cs typeface="Times New Roman (Headings CS)"/>
              </a:rPr>
              <a:t>Level III</a:t>
            </a:r>
          </a:p>
          <a:p>
            <a:pPr marL="342900" indent="-342900">
              <a:spcBef>
                <a:spcPts val="0"/>
              </a:spcBef>
              <a:spcAft>
                <a:spcPts val="200"/>
              </a:spcAft>
              <a:buClr>
                <a:schemeClr val="accent1"/>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aint Francis</a:t>
            </a:r>
            <a:r>
              <a:rPr lang="en-US" sz="1600" dirty="0">
                <a:latin typeface="Cambria" panose="02040503050406030204" pitchFamily="18" charset="0"/>
                <a:ea typeface="Calibri" panose="020F0502020204030204" pitchFamily="34" charset="0"/>
                <a:cs typeface="Times New Roman" panose="02020603050405020304" pitchFamily="18" charset="0"/>
              </a:rPr>
              <a:t> </a:t>
            </a:r>
            <a:r>
              <a:rPr lang="en-US" sz="1600" b="1" dirty="0">
                <a:latin typeface="Cambria" panose="02040503050406030204" pitchFamily="18" charset="0"/>
                <a:ea typeface="Calibri" panose="020F0502020204030204" pitchFamily="34" charset="0"/>
                <a:cs typeface="Times New Roman" panose="02020603050405020304" pitchFamily="18" charset="0"/>
              </a:rPr>
              <a:t>–</a:t>
            </a:r>
            <a:r>
              <a:rPr lang="en-US" sz="1600" dirty="0">
                <a:latin typeface="Cambria" panose="02040503050406030204" pitchFamily="18" charset="0"/>
                <a:ea typeface="Calibri" panose="020F0502020204030204" pitchFamily="34" charset="0"/>
                <a:cs typeface="Times New Roman" panose="02020603050405020304" pitchFamily="18" charset="0"/>
              </a:rPr>
              <a:t> Peoria</a:t>
            </a:r>
          </a:p>
          <a:p>
            <a:pPr marL="0" indent="0">
              <a:spcBef>
                <a:spcPts val="0"/>
              </a:spcBef>
              <a:spcAft>
                <a:spcPts val="200"/>
              </a:spcAft>
              <a:buNone/>
            </a:pPr>
            <a:endParaRPr lang="en-US" sz="1600" dirty="0">
              <a:latin typeface="Cambria" panose="02040503050406030204" pitchFamily="18" charset="0"/>
              <a:ea typeface="Calibri" panose="020F0502020204030204" pitchFamily="34" charset="0"/>
              <a:cs typeface="Times New Roman" panose="02020603050405020304" pitchFamily="18" charset="0"/>
            </a:endParaRPr>
          </a:p>
          <a:p>
            <a:pPr marL="0" indent="0">
              <a:spcBef>
                <a:spcPts val="200"/>
              </a:spcBef>
              <a:spcAft>
                <a:spcPts val="200"/>
              </a:spcAft>
              <a:buNone/>
            </a:pPr>
            <a:r>
              <a:rPr lang="en-US" sz="1600" b="1" cap="all" dirty="0">
                <a:solidFill>
                  <a:schemeClr val="accent5"/>
                </a:solidFill>
                <a:ea typeface="Times New Roman" panose="02020603050405020304" pitchFamily="18" charset="0"/>
                <a:cs typeface="Times New Roman (Headings CS)"/>
              </a:rPr>
              <a:t>Level IIE</a:t>
            </a:r>
          </a:p>
          <a:p>
            <a:pPr marL="342900" indent="-342900">
              <a:spcBef>
                <a:spcPts val="0"/>
              </a:spcBef>
              <a:spcAft>
                <a:spcPts val="200"/>
              </a:spcAft>
              <a:buClr>
                <a:schemeClr val="accent5"/>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UnityPoint Health-Methodist –</a:t>
            </a:r>
            <a:r>
              <a:rPr lang="en-US" sz="1600" dirty="0">
                <a:latin typeface="Cambria" panose="02040503050406030204" pitchFamily="18" charset="0"/>
                <a:ea typeface="Calibri" panose="020F0502020204030204" pitchFamily="34" charset="0"/>
                <a:cs typeface="Times New Roman" panose="02020603050405020304" pitchFamily="18" charset="0"/>
              </a:rPr>
              <a:t> Peoria</a:t>
            </a:r>
          </a:p>
          <a:p>
            <a:pPr marL="342900" indent="-342900">
              <a:spcBef>
                <a:spcPts val="0"/>
              </a:spcBef>
              <a:spcAft>
                <a:spcPts val="200"/>
              </a:spcAft>
              <a:buClr>
                <a:schemeClr val="accent5"/>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UnityPoint Health-Trinity – </a:t>
            </a:r>
            <a:r>
              <a:rPr lang="en-US" sz="1600" dirty="0">
                <a:latin typeface="Cambria" panose="02040503050406030204" pitchFamily="18" charset="0"/>
                <a:ea typeface="Calibri" panose="020F0502020204030204" pitchFamily="34" charset="0"/>
                <a:cs typeface="Times New Roman" panose="02020603050405020304" pitchFamily="18" charset="0"/>
              </a:rPr>
              <a:t>Moline</a:t>
            </a:r>
          </a:p>
          <a:p>
            <a:pPr marL="0" indent="0">
              <a:spcBef>
                <a:spcPts val="200"/>
              </a:spcBef>
              <a:spcAft>
                <a:spcPts val="200"/>
              </a:spcAft>
              <a:buNone/>
            </a:pPr>
            <a:endParaRPr lang="en-US" sz="1600" cap="all" dirty="0">
              <a:solidFill>
                <a:srgbClr val="7030A0"/>
              </a:solidFill>
              <a:latin typeface="Cambria" panose="02040503050406030204" pitchFamily="18" charset="0"/>
              <a:ea typeface="Times New Roman" panose="02020603050405020304" pitchFamily="18" charset="0"/>
              <a:cs typeface="Times New Roman" panose="02020603050405020304" pitchFamily="18" charset="0"/>
            </a:endParaRPr>
          </a:p>
          <a:p>
            <a:pPr marL="0" indent="0">
              <a:spcBef>
                <a:spcPts val="200"/>
              </a:spcBef>
              <a:spcAft>
                <a:spcPts val="200"/>
              </a:spcAft>
              <a:buNone/>
            </a:pPr>
            <a:r>
              <a:rPr lang="en-US" sz="1600" b="1" cap="all" dirty="0">
                <a:solidFill>
                  <a:srgbClr val="7030A0"/>
                </a:solidFill>
                <a:ea typeface="Times New Roman" panose="02020603050405020304" pitchFamily="18" charset="0"/>
                <a:cs typeface="Times New Roman (Headings CS)"/>
              </a:rPr>
              <a:t>Level II</a:t>
            </a:r>
          </a:p>
          <a:p>
            <a:pPr marL="342900" indent="-342900">
              <a:spcBef>
                <a:spcPts val="0"/>
              </a:spcBef>
              <a:spcAft>
                <a:spcPts val="200"/>
              </a:spcAft>
              <a:buClr>
                <a:srgbClr val="7030A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Carle </a:t>
            </a:r>
            <a:r>
              <a:rPr lang="en-US" sz="1600" b="1" dirty="0" err="1">
                <a:latin typeface="Cambria" panose="02040503050406030204" pitchFamily="18" charset="0"/>
                <a:ea typeface="Calibri" panose="020F0502020204030204" pitchFamily="34" charset="0"/>
                <a:cs typeface="Times New Roman" panose="02020603050405020304" pitchFamily="18" charset="0"/>
              </a:rPr>
              <a:t>BroMenn</a:t>
            </a:r>
            <a:r>
              <a:rPr lang="en-US" sz="1600" b="1" dirty="0">
                <a:latin typeface="Cambria" panose="02040503050406030204" pitchFamily="18" charset="0"/>
                <a:ea typeface="Calibri" panose="020F0502020204030204" pitchFamily="34" charset="0"/>
                <a:cs typeface="Times New Roman" panose="02020603050405020304" pitchFamily="18" charset="0"/>
              </a:rPr>
              <a:t> – </a:t>
            </a:r>
            <a:r>
              <a:rPr lang="en-US" sz="1600" dirty="0">
                <a:latin typeface="Cambria" panose="02040503050406030204" pitchFamily="18" charset="0"/>
                <a:ea typeface="Calibri" panose="020F0502020204030204" pitchFamily="34" charset="0"/>
                <a:cs typeface="Times New Roman" panose="02020603050405020304" pitchFamily="18" charset="0"/>
              </a:rPr>
              <a:t>Normal</a:t>
            </a:r>
          </a:p>
          <a:p>
            <a:pPr marL="342900" indent="-342900">
              <a:spcBef>
                <a:spcPts val="0"/>
              </a:spcBef>
              <a:spcAft>
                <a:spcPts val="200"/>
              </a:spcAft>
              <a:buClr>
                <a:srgbClr val="7030A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Genesis – Illini Campus – </a:t>
            </a:r>
            <a:r>
              <a:rPr lang="en-US" sz="1600" dirty="0">
                <a:latin typeface="Cambria" panose="02040503050406030204" pitchFamily="18" charset="0"/>
                <a:ea typeface="Calibri" panose="020F0502020204030204" pitchFamily="34" charset="0"/>
                <a:cs typeface="Times New Roman" panose="02020603050405020304" pitchFamily="18" charset="0"/>
              </a:rPr>
              <a:t>Silvis</a:t>
            </a:r>
          </a:p>
          <a:p>
            <a:pPr marL="342900" indent="-342900">
              <a:spcBef>
                <a:spcPts val="0"/>
              </a:spcBef>
              <a:spcAft>
                <a:spcPts val="200"/>
              </a:spcAft>
              <a:buClr>
                <a:srgbClr val="7030A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Graham – </a:t>
            </a:r>
            <a:r>
              <a:rPr lang="en-US" sz="1600" dirty="0">
                <a:latin typeface="Cambria" panose="02040503050406030204" pitchFamily="18" charset="0"/>
                <a:ea typeface="Calibri" panose="020F0502020204030204" pitchFamily="34" charset="0"/>
                <a:cs typeface="Times New Roman" panose="02020603050405020304" pitchFamily="18" charset="0"/>
              </a:rPr>
              <a:t>Canton </a:t>
            </a:r>
          </a:p>
          <a:p>
            <a:pPr marL="342900" indent="-342900">
              <a:spcBef>
                <a:spcPts val="0"/>
              </a:spcBef>
              <a:spcAft>
                <a:spcPts val="200"/>
              </a:spcAft>
              <a:buClr>
                <a:srgbClr val="7030A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aint Elizabeth – </a:t>
            </a:r>
            <a:r>
              <a:rPr lang="en-US" sz="1600" dirty="0">
                <a:latin typeface="Cambria" panose="02040503050406030204" pitchFamily="18" charset="0"/>
                <a:ea typeface="Calibri" panose="020F0502020204030204" pitchFamily="34" charset="0"/>
                <a:cs typeface="Times New Roman" panose="02020603050405020304" pitchFamily="18" charset="0"/>
              </a:rPr>
              <a:t>Ottawa</a:t>
            </a:r>
          </a:p>
          <a:p>
            <a:pPr marL="342900" indent="-342900">
              <a:spcBef>
                <a:spcPts val="0"/>
              </a:spcBef>
              <a:spcAft>
                <a:spcPts val="200"/>
              </a:spcAft>
              <a:buClr>
                <a:srgbClr val="7030A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t. Mary – </a:t>
            </a:r>
            <a:r>
              <a:rPr lang="en-US" sz="1600" dirty="0">
                <a:latin typeface="Cambria" panose="02040503050406030204" pitchFamily="18" charset="0"/>
                <a:ea typeface="Calibri" panose="020F0502020204030204" pitchFamily="34" charset="0"/>
                <a:cs typeface="Times New Roman" panose="02020603050405020304" pitchFamily="18" charset="0"/>
              </a:rPr>
              <a:t>Galesburg</a:t>
            </a:r>
          </a:p>
          <a:p>
            <a:pPr marL="342900" indent="-342900">
              <a:spcBef>
                <a:spcPts val="0"/>
              </a:spcBef>
              <a:spcAft>
                <a:spcPts val="200"/>
              </a:spcAft>
              <a:buClr>
                <a:srgbClr val="7030A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McDonough District Hospital – </a:t>
            </a:r>
            <a:r>
              <a:rPr lang="en-US" sz="1600" dirty="0">
                <a:latin typeface="Cambria" panose="02040503050406030204" pitchFamily="18" charset="0"/>
                <a:ea typeface="Calibri" panose="020F0502020204030204" pitchFamily="34" charset="0"/>
                <a:cs typeface="Times New Roman" panose="02020603050405020304" pitchFamily="18" charset="0"/>
              </a:rPr>
              <a:t>Macomb</a:t>
            </a:r>
          </a:p>
          <a:p>
            <a:pPr marL="342900" indent="-342900">
              <a:spcBef>
                <a:spcPts val="0"/>
              </a:spcBef>
              <a:spcAft>
                <a:spcPts val="200"/>
              </a:spcAft>
              <a:buClr>
                <a:srgbClr val="7030A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t. Joseph – </a:t>
            </a:r>
            <a:r>
              <a:rPr lang="en-US" sz="1600" dirty="0">
                <a:latin typeface="Cambria" panose="02040503050406030204" pitchFamily="18" charset="0"/>
                <a:ea typeface="Calibri" panose="020F0502020204030204" pitchFamily="34" charset="0"/>
                <a:cs typeface="Times New Roman" panose="02020603050405020304" pitchFamily="18" charset="0"/>
              </a:rPr>
              <a:t>Bloomington</a:t>
            </a:r>
          </a:p>
          <a:p>
            <a:pPr marL="342900" indent="-342900">
              <a:spcBef>
                <a:spcPts val="0"/>
              </a:spcBef>
              <a:spcAft>
                <a:spcPts val="200"/>
              </a:spcAft>
              <a:buClr>
                <a:srgbClr val="7030A0"/>
              </a:buClr>
              <a:buFont typeface="+mj-lt"/>
              <a:buAutoNum type="arabicPeriod"/>
            </a:pPr>
            <a:r>
              <a:rPr lang="en-US" sz="1600" b="1" dirty="0">
                <a:latin typeface="Cambria" panose="02040503050406030204" pitchFamily="18" charset="0"/>
                <a:ea typeface="Calibri" panose="020F0502020204030204" pitchFamily="34" charset="0"/>
                <a:cs typeface="Times New Roman" panose="02020603050405020304" pitchFamily="18" charset="0"/>
              </a:rPr>
              <a:t>OSF Sacred Heart - </a:t>
            </a:r>
            <a:r>
              <a:rPr lang="en-US" sz="1600" dirty="0">
                <a:latin typeface="Cambria" panose="02040503050406030204" pitchFamily="18" charset="0"/>
                <a:ea typeface="Calibri" panose="020F0502020204030204" pitchFamily="34" charset="0"/>
                <a:cs typeface="Times New Roman" panose="02020603050405020304" pitchFamily="18" charset="0"/>
              </a:rPr>
              <a:t>Danville</a:t>
            </a:r>
          </a:p>
          <a:p>
            <a:pPr marL="0" indent="0">
              <a:spcBef>
                <a:spcPts val="0"/>
              </a:spcBef>
              <a:spcAft>
                <a:spcPts val="200"/>
              </a:spcAft>
              <a:buNone/>
            </a:pPr>
            <a:endParaRPr lang="en-US" sz="1600" b="1" dirty="0">
              <a:solidFill>
                <a:srgbClr val="FFC000"/>
              </a:solidFill>
              <a:ea typeface="Calibri" panose="020F0502020204030204" pitchFamily="34" charset="0"/>
              <a:cs typeface="Times New Roman" panose="02020603050405020304" pitchFamily="18" charset="0"/>
            </a:endParaRPr>
          </a:p>
          <a:p>
            <a:pPr marL="0" indent="0">
              <a:spcBef>
                <a:spcPts val="0"/>
              </a:spcBef>
              <a:spcAft>
                <a:spcPts val="200"/>
              </a:spcAft>
              <a:buNone/>
            </a:pPr>
            <a:r>
              <a:rPr lang="en-US" sz="1600" b="1" cap="all" dirty="0">
                <a:solidFill>
                  <a:srgbClr val="FFC000"/>
                </a:solidFill>
                <a:ea typeface="Times New Roman" panose="02020603050405020304" pitchFamily="18" charset="0"/>
                <a:cs typeface="Times New Roman (Headings CS)"/>
              </a:rPr>
              <a:t>Level I  </a:t>
            </a:r>
            <a:endParaRPr lang="en-US" sz="1600" dirty="0">
              <a:latin typeface="Cambria" panose="02040503050406030204" pitchFamily="18" charset="0"/>
              <a:ea typeface="Calibri" panose="020F0502020204030204" pitchFamily="34" charset="0"/>
              <a:cs typeface="Times New Roman" panose="02020603050405020304" pitchFamily="18" charset="0"/>
            </a:endParaRPr>
          </a:p>
          <a:p>
            <a:pPr marL="342900" indent="-342900">
              <a:spcBef>
                <a:spcPts val="0"/>
              </a:spcBef>
              <a:spcAft>
                <a:spcPts val="200"/>
              </a:spcAft>
              <a:buFont typeface="+mj-lt"/>
              <a:buAutoNum type="arabicPeriod"/>
            </a:pPr>
            <a:endParaRPr lang="en-US" sz="1600" b="1" dirty="0">
              <a:solidFill>
                <a:srgbClr val="C00000"/>
              </a:solidFill>
              <a:ea typeface="Calibri" panose="020F0502020204030204" pitchFamily="34" charset="0"/>
              <a:cs typeface="Times New Roman" panose="02020603050405020304" pitchFamily="18" charset="0"/>
            </a:endParaRPr>
          </a:p>
          <a:p>
            <a:pPr marL="0" indent="0">
              <a:spcBef>
                <a:spcPts val="0"/>
              </a:spcBef>
              <a:spcAft>
                <a:spcPts val="200"/>
              </a:spcAft>
              <a:buNone/>
            </a:pPr>
            <a:r>
              <a:rPr lang="en-US" sz="1600" b="1" dirty="0">
                <a:solidFill>
                  <a:srgbClr val="C00000"/>
                </a:solidFill>
                <a:ea typeface="Calibri" panose="020F0502020204030204" pitchFamily="34" charset="0"/>
                <a:cs typeface="Times New Roman" panose="02020603050405020304" pitchFamily="18" charset="0"/>
              </a:rPr>
              <a:t>LEVEL 0 – </a:t>
            </a:r>
            <a:r>
              <a:rPr lang="en-US" sz="1600" b="1" dirty="0">
                <a:effectLst/>
                <a:latin typeface="Cambria" panose="02040503050406030204" pitchFamily="18" charset="0"/>
                <a:ea typeface="Calibri" panose="020F0502020204030204" pitchFamily="34" charset="0"/>
                <a:cs typeface="Times New Roman" panose="02020603050405020304" pitchFamily="18" charset="0"/>
              </a:rPr>
              <a:t>No maternity services</a:t>
            </a:r>
            <a:endParaRPr lang="en-US" sz="1600" dirty="0">
              <a:latin typeface="Cambria" panose="02040503050406030204" pitchFamily="18" charset="0"/>
              <a:ea typeface="Calibri" panose="020F0502020204030204" pitchFamily="34" charset="0"/>
              <a:cs typeface="Times New Roman" panose="02020603050405020304" pitchFamily="18" charset="0"/>
            </a:endParaRPr>
          </a:p>
        </p:txBody>
      </p:sp>
      <p:sp>
        <p:nvSpPr>
          <p:cNvPr id="17" name="Oval 16">
            <a:extLst>
              <a:ext uri="{FF2B5EF4-FFF2-40B4-BE49-F238E27FC236}">
                <a16:creationId xmlns:a16="http://schemas.microsoft.com/office/drawing/2014/main" id="{E88A95EB-26CE-41DA-E497-B63D5C982FC1}"/>
              </a:ext>
            </a:extLst>
          </p:cNvPr>
          <p:cNvSpPr/>
          <p:nvPr/>
        </p:nvSpPr>
        <p:spPr>
          <a:xfrm>
            <a:off x="6351001" y="3724786"/>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dirty="0">
                <a:solidFill>
                  <a:schemeClr val="bg1"/>
                </a:solidFill>
                <a:latin typeface="+mj-lt"/>
                <a:cs typeface="Calibri" panose="020F0502020204030204" pitchFamily="34" charset="0"/>
              </a:rPr>
              <a:t>6</a:t>
            </a: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18" name="Oval 17">
            <a:extLst>
              <a:ext uri="{FF2B5EF4-FFF2-40B4-BE49-F238E27FC236}">
                <a16:creationId xmlns:a16="http://schemas.microsoft.com/office/drawing/2014/main" id="{1720003F-6F55-F282-8AA3-0317CB44F0E6}"/>
              </a:ext>
            </a:extLst>
          </p:cNvPr>
          <p:cNvSpPr/>
          <p:nvPr/>
        </p:nvSpPr>
        <p:spPr>
          <a:xfrm>
            <a:off x="9116214" y="3632655"/>
            <a:ext cx="274320" cy="276677"/>
          </a:xfrm>
          <a:prstGeom prst="ellipse">
            <a:avLst/>
          </a:prstGeom>
          <a:solidFill>
            <a:srgbClr val="7030A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rPr>
              <a:t>7</a:t>
            </a:r>
          </a:p>
        </p:txBody>
      </p:sp>
      <p:sp>
        <p:nvSpPr>
          <p:cNvPr id="30" name="Oval 29">
            <a:extLst>
              <a:ext uri="{FF2B5EF4-FFF2-40B4-BE49-F238E27FC236}">
                <a16:creationId xmlns:a16="http://schemas.microsoft.com/office/drawing/2014/main" id="{D0CECFD8-B911-4FA9-3514-25B5BC269728}"/>
              </a:ext>
            </a:extLst>
          </p:cNvPr>
          <p:cNvSpPr/>
          <p:nvPr/>
        </p:nvSpPr>
        <p:spPr>
          <a:xfrm>
            <a:off x="5676368" y="3868848"/>
            <a:ext cx="274320" cy="276677"/>
          </a:xfrm>
          <a:prstGeom prst="ellipse">
            <a:avLst/>
          </a:prstGeom>
          <a:solidFill>
            <a:srgbClr val="C00000"/>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100" b="1" i="0" u="none" strike="noStrike" kern="1200" cap="none" spc="0" normalizeH="0" baseline="0" noProof="0" dirty="0">
              <a:ln>
                <a:noFill/>
              </a:ln>
              <a:solidFill>
                <a:schemeClr val="bg1"/>
              </a:solidFill>
              <a:effectLst/>
              <a:uLnTx/>
              <a:uFillTx/>
              <a:latin typeface="+mj-lt"/>
              <a:cs typeface="Calibri" panose="020F0502020204030204" pitchFamily="34" charset="0"/>
            </a:endParaRPr>
          </a:p>
        </p:txBody>
      </p:sp>
      <p:sp>
        <p:nvSpPr>
          <p:cNvPr id="2" name="Oval 1">
            <a:extLst>
              <a:ext uri="{FF2B5EF4-FFF2-40B4-BE49-F238E27FC236}">
                <a16:creationId xmlns:a16="http://schemas.microsoft.com/office/drawing/2014/main" id="{5747F3C1-ADEA-D73F-F95C-9A5BC5C6F4C3}"/>
              </a:ext>
            </a:extLst>
          </p:cNvPr>
          <p:cNvSpPr/>
          <p:nvPr/>
        </p:nvSpPr>
        <p:spPr>
          <a:xfrm>
            <a:off x="10721316" y="4292984"/>
            <a:ext cx="308207" cy="276677"/>
          </a:xfrm>
          <a:prstGeom prst="ellipse">
            <a:avLst/>
          </a:prstGeom>
          <a:solidFill>
            <a:srgbClr val="7030A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100" dirty="0"/>
              <a:t>8</a:t>
            </a:r>
          </a:p>
        </p:txBody>
      </p:sp>
      <p:sp>
        <p:nvSpPr>
          <p:cNvPr id="16" name="Oval 15">
            <a:extLst>
              <a:ext uri="{FF2B5EF4-FFF2-40B4-BE49-F238E27FC236}">
                <a16:creationId xmlns:a16="http://schemas.microsoft.com/office/drawing/2014/main" id="{315A4656-16E1-F8CA-0B3E-13D722996954}"/>
              </a:ext>
            </a:extLst>
          </p:cNvPr>
          <p:cNvSpPr/>
          <p:nvPr/>
        </p:nvSpPr>
        <p:spPr>
          <a:xfrm>
            <a:off x="8768242" y="2292263"/>
            <a:ext cx="262958" cy="269687"/>
          </a:xfrm>
          <a:prstGeom prst="ellipse">
            <a:avLst/>
          </a:prstGeom>
          <a:solidFill>
            <a:srgbClr val="C000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746490169"/>
      </p:ext>
    </p:extLst>
  </p:cSld>
  <p:clrMapOvr>
    <a:masterClrMapping/>
  </p:clrMapOvr>
</p:sld>
</file>

<file path=ppt/theme/theme1.xml><?xml version="1.0" encoding="utf-8"?>
<a:theme xmlns:a="http://schemas.openxmlformats.org/drawingml/2006/main" name="Office Theme">
  <a:themeElements>
    <a:clrScheme name="Custom 2">
      <a:dk1>
        <a:srgbClr val="000000"/>
      </a:dk1>
      <a:lt1>
        <a:srgbClr val="FFFFFF"/>
      </a:lt1>
      <a:dk2>
        <a:srgbClr val="A2C96C"/>
      </a:dk2>
      <a:lt2>
        <a:srgbClr val="FEFFFF"/>
      </a:lt2>
      <a:accent1>
        <a:srgbClr val="64A70B"/>
      </a:accent1>
      <a:accent2>
        <a:srgbClr val="8BBD48"/>
      </a:accent2>
      <a:accent3>
        <a:srgbClr val="AACF79"/>
      </a:accent3>
      <a:accent4>
        <a:srgbClr val="C2DC9D"/>
      </a:accent4>
      <a:accent5>
        <a:srgbClr val="00A9CE"/>
      </a:accent5>
      <a:accent6>
        <a:srgbClr val="99DCEC"/>
      </a:accent6>
      <a:hlink>
        <a:srgbClr val="007F9B"/>
      </a:hlink>
      <a:folHlink>
        <a:srgbClr val="4E8209"/>
      </a:folHlink>
    </a:clrScheme>
    <a:fontScheme name="Calibri">
      <a:maj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alibri" panose="020F0502020204030204"/>
        <a:ea typeface=""/>
        <a:cs typeface=""/>
        <a:font script="Jpan" typeface="メイリオ"/>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templateName":"OSF HealthCare Blank","templateDescription":"","enableDocumentContentUpdater":fals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C9A8F1BE-9FCA-4473-9805-FA46B518D3E6}">
  <ds:schemaRefs/>
</ds:datastoreItem>
</file>

<file path=customXml/itemProps2.xml><?xml version="1.0" encoding="utf-8"?>
<ds:datastoreItem xmlns:ds="http://schemas.openxmlformats.org/officeDocument/2006/customXml" ds:itemID="{7C463DD4-1D9F-41B3-8178-4E29F76A004E}">
  <ds:schemaRefs/>
</ds:datastoreItem>
</file>

<file path=docProps/app.xml><?xml version="1.0" encoding="utf-8"?>
<Properties xmlns="http://schemas.openxmlformats.org/officeDocument/2006/extended-properties" xmlns:vt="http://schemas.openxmlformats.org/officeDocument/2006/docPropsVTypes">
  <TotalTime>295</TotalTime>
  <Words>1140</Words>
  <Application>Microsoft Office PowerPoint</Application>
  <PresentationFormat>Widescreen</PresentationFormat>
  <Paragraphs>241</Paragraphs>
  <Slides>22</Slides>
  <Notes>0</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22</vt:i4>
      </vt:variant>
    </vt:vector>
  </HeadingPairs>
  <TitlesOfParts>
    <vt:vector size="28" baseType="lpstr">
      <vt:lpstr>Arial</vt:lpstr>
      <vt:lpstr>Calibri</vt:lpstr>
      <vt:lpstr>Calibri Light</vt:lpstr>
      <vt:lpstr>Cambria</vt:lpstr>
      <vt:lpstr>Times New Roman</vt:lpstr>
      <vt:lpstr>Office Theme</vt:lpstr>
      <vt:lpstr>Regional Quality Council (RQC) </vt:lpstr>
      <vt:lpstr>PowerPoint Presentation</vt:lpstr>
      <vt:lpstr>Welcome and Introductions</vt:lpstr>
      <vt:lpstr>Save the Date! Teaming Up for Perinatal Care</vt:lpstr>
      <vt:lpstr>NCIPN Educational Updates</vt:lpstr>
      <vt:lpstr>NCIPN Updates</vt:lpstr>
      <vt:lpstr>North Central Illinois Perinatal Network </vt:lpstr>
      <vt:lpstr>PowerPoint Presentation</vt:lpstr>
      <vt:lpstr>PowerPoint Presentation</vt:lpstr>
      <vt:lpstr>PowerPoint Presentation</vt:lpstr>
      <vt:lpstr>Historical Look at OB Closures</vt:lpstr>
      <vt:lpstr>Historical Look at OB Closures</vt:lpstr>
      <vt:lpstr>Where did they go?</vt:lpstr>
      <vt:lpstr>PowerPoint Presentation</vt:lpstr>
      <vt:lpstr>IDPH Updates</vt:lpstr>
      <vt:lpstr>IDPH </vt:lpstr>
      <vt:lpstr>   </vt:lpstr>
      <vt:lpstr>Conclusions </vt:lpstr>
      <vt:lpstr>Syphilis Screening Monthly Report Form</vt:lpstr>
      <vt:lpstr>HIV/Syphilis Hotline/Warmline</vt:lpstr>
      <vt:lpstr>Welcome  Elle Suse &amp; Kiela Moreno</vt:lpstr>
      <vt:lpstr>Closing</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SF HealthCare Blank</dc:title>
  <dc:subject/>
  <dc:creator>Microsoft Office User</dc:creator>
  <cp:keywords/>
  <dc:description/>
  <cp:lastModifiedBy>Swain, Susie</cp:lastModifiedBy>
  <cp:revision>5</cp:revision>
  <dcterms:created xsi:type="dcterms:W3CDTF">2023-07-14T14:38:29Z</dcterms:created>
  <dcterms:modified xsi:type="dcterms:W3CDTF">2024-02-29T18:25:0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3-10T20:26:48</vt:lpwstr>
  </property>
  <property fmtid="{D5CDD505-2E9C-101B-9397-08002B2CF9AE}" pid="3" name="TemplafyTenantId">
    <vt:lpwstr>osfhealthcare</vt:lpwstr>
  </property>
  <property fmtid="{D5CDD505-2E9C-101B-9397-08002B2CF9AE}" pid="4" name="TemplafyTemplateId">
    <vt:lpwstr>637825408082270169</vt:lpwstr>
  </property>
  <property fmtid="{D5CDD505-2E9C-101B-9397-08002B2CF9AE}" pid="5" name="TemplafyUserProfileId">
    <vt:lpwstr>637928800051512788</vt:lpwstr>
  </property>
  <property fmtid="{D5CDD505-2E9C-101B-9397-08002B2CF9AE}" pid="6" name="TemplafyFromBlank">
    <vt:bool>true</vt:bool>
  </property>
</Properties>
</file>